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753" r:id="rId10"/>
    <p:sldMasterId id="2147483842" r:id="rId11"/>
  </p:sldMasterIdLst>
  <p:notesMasterIdLst>
    <p:notesMasterId r:id="rId33"/>
  </p:notesMasterIdLst>
  <p:handoutMasterIdLst>
    <p:handoutMasterId r:id="rId34"/>
  </p:handoutMasterIdLst>
  <p:sldIdLst>
    <p:sldId id="603" r:id="rId12"/>
    <p:sldId id="764" r:id="rId13"/>
    <p:sldId id="760" r:id="rId14"/>
    <p:sldId id="774" r:id="rId15"/>
    <p:sldId id="767" r:id="rId16"/>
    <p:sldId id="765" r:id="rId17"/>
    <p:sldId id="768" r:id="rId18"/>
    <p:sldId id="776" r:id="rId19"/>
    <p:sldId id="788" r:id="rId20"/>
    <p:sldId id="791" r:id="rId21"/>
    <p:sldId id="780" r:id="rId22"/>
    <p:sldId id="779" r:id="rId23"/>
    <p:sldId id="792" r:id="rId24"/>
    <p:sldId id="789" r:id="rId25"/>
    <p:sldId id="770" r:id="rId26"/>
    <p:sldId id="782" r:id="rId27"/>
    <p:sldId id="783" r:id="rId28"/>
    <p:sldId id="790" r:id="rId29"/>
    <p:sldId id="784" r:id="rId30"/>
    <p:sldId id="793" r:id="rId31"/>
    <p:sldId id="773" r:id="rId32"/>
  </p:sldIdLst>
  <p:sldSz cx="12192000" cy="6858000"/>
  <p:notesSz cx="6858000" cy="9144000"/>
  <p:defaultTextStyle>
    <a:defPPr>
      <a:defRPr lang="nb-NO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00CA"/>
    <a:srgbClr val="272E34"/>
    <a:srgbClr val="E5E1E0"/>
    <a:srgbClr val="CFC8C6"/>
    <a:srgbClr val="462020"/>
    <a:srgbClr val="E8E3E3"/>
    <a:srgbClr val="C7BDB7"/>
    <a:srgbClr val="272E33"/>
    <a:srgbClr val="FF8D0F"/>
    <a:srgbClr val="EEA53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3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B9CAF8D-8B5A-45FB-838C-EE92B5313090}" v="526" dt="2025-06-11T19:47:23.49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iddels stil 2 – uthev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iddels stil 2 – utheving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00A15C55-8517-42AA-B614-E9B94910E393}" styleName="Middels stil 2 – utheving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2D5ABB26-0587-4C30-8999-92F81FD0307C}" styleName="Ingen stil, ingen rutenett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5940675A-B579-460E-94D1-54222C63F5DA}" styleName="Ingen stil, tabellrutenett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5FD0F851-EC5A-4D38-B0AD-8093EC10F338}" styleName="Lys stil 1 – utheving 5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5"/>
              </a:solidFill>
            </a:ln>
          </a:top>
          <a:bottom>
            <a:ln w="12700" cmpd="sng">
              <a:solidFill>
                <a:schemeClr val="accent5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5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5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5"/>
              </a:solidFill>
            </a:ln>
          </a:bottom>
        </a:tcBdr>
        <a:fill>
          <a:noFill/>
        </a:fill>
      </a:tcStyle>
    </a:firstRow>
  </a:tblStyle>
  <a:tblStyle styleId="{9D7B26C5-4107-4FEC-AEDC-1716B250A1EF}" styleName="Lys stil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7DF18680-E054-41AD-8BC1-D1AEF772440D}" styleName="Medium Style 2 - Accent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793D81CF-94F2-401A-BA57-92F5A7B2D0C5}" styleName="Medium Style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dk1"/>
              </a:solidFill>
            </a:ln>
          </a:left>
          <a:right>
            <a:ln w="12700" cmpd="sng">
              <a:solidFill>
                <a:schemeClr val="dk1"/>
              </a:solidFill>
            </a:ln>
          </a:right>
          <a:top>
            <a:ln w="12700" cmpd="sng">
              <a:solidFill>
                <a:schemeClr val="dk1"/>
              </a:solidFill>
            </a:ln>
          </a:top>
          <a:bottom>
            <a:ln w="12700" cmpd="sng">
              <a:solidFill>
                <a:schemeClr val="dk1"/>
              </a:solidFill>
            </a:ln>
          </a:bottom>
          <a:insideH>
            <a:ln w="12700" cmpd="sng">
              <a:solidFill>
                <a:schemeClr val="dk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047" autoAdjust="0"/>
    <p:restoredTop sz="97382" autoAdjust="0"/>
  </p:normalViewPr>
  <p:slideViewPr>
    <p:cSldViewPr snapToGrid="0">
      <p:cViewPr>
        <p:scale>
          <a:sx n="100" d="100"/>
          <a:sy n="100" d="100"/>
        </p:scale>
        <p:origin x="72" y="174"/>
      </p:cViewPr>
      <p:guideLst/>
    </p:cSldViewPr>
  </p:slideViewPr>
  <p:outlineViewPr>
    <p:cViewPr>
      <p:scale>
        <a:sx n="33" d="100"/>
        <a:sy n="33" d="100"/>
      </p:scale>
      <p:origin x="0" y="-217044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3288" y="1386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slide" Target="slides/slide15.xml"/><Relationship Id="rId39" Type="http://schemas.microsoft.com/office/2016/11/relationships/changesInfo" Target="changesInfos/changesInfo1.xml"/><Relationship Id="rId21" Type="http://schemas.openxmlformats.org/officeDocument/2006/relationships/slide" Target="slides/slide10.xml"/><Relationship Id="rId34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slide" Target="slides/slide14.xml"/><Relationship Id="rId33" Type="http://schemas.openxmlformats.org/officeDocument/2006/relationships/notesMaster" Target="notesMasters/notesMaster1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slide" Target="slides/slide1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2.xml"/><Relationship Id="rId24" Type="http://schemas.openxmlformats.org/officeDocument/2006/relationships/slide" Target="slides/slide13.xml"/><Relationship Id="rId32" Type="http://schemas.openxmlformats.org/officeDocument/2006/relationships/slide" Target="slides/slide21.xml"/><Relationship Id="rId37" Type="http://schemas.openxmlformats.org/officeDocument/2006/relationships/theme" Target="theme/theme1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slide" Target="slides/slide17.xml"/><Relationship Id="rId36" Type="http://schemas.openxmlformats.org/officeDocument/2006/relationships/viewProps" Target="viewProps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8.xml"/><Relationship Id="rId31" Type="http://schemas.openxmlformats.org/officeDocument/2006/relationships/slide" Target="slides/slide20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slide" Target="slides/slide16.xml"/><Relationship Id="rId30" Type="http://schemas.openxmlformats.org/officeDocument/2006/relationships/slide" Target="slides/slide19.xml"/><Relationship Id="rId35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ergfjord, Maria" userId="03ef0e1f-1f2e-474f-a77a-eb3d58cc04bd" providerId="ADAL" clId="{9B9CAF8D-8B5A-45FB-838C-EE92B5313090}"/>
    <pc:docChg chg="undo redo custSel addSld delSld modSld sldOrd">
      <pc:chgData name="Bergfjord, Maria" userId="03ef0e1f-1f2e-474f-a77a-eb3d58cc04bd" providerId="ADAL" clId="{9B9CAF8D-8B5A-45FB-838C-EE92B5313090}" dt="2025-06-12T06:12:14.470" v="5112" actId="18131"/>
      <pc:docMkLst>
        <pc:docMk/>
      </pc:docMkLst>
      <pc:sldChg chg="add del">
        <pc:chgData name="Bergfjord, Maria" userId="03ef0e1f-1f2e-474f-a77a-eb3d58cc04bd" providerId="ADAL" clId="{9B9CAF8D-8B5A-45FB-838C-EE92B5313090}" dt="2025-06-08T15:47:49.767" v="48" actId="47"/>
        <pc:sldMkLst>
          <pc:docMk/>
          <pc:sldMk cId="4237923857" sldId="256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3967764107" sldId="323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2286539252" sldId="324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1751382784" sldId="363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695192227" sldId="364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3714287267" sldId="375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372149902" sldId="411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1748467402" sldId="413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709863113" sldId="444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657047688" sldId="447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2970520229" sldId="571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3856586401" sldId="572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323646243" sldId="573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1044859432" sldId="574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1555856723" sldId="586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651256627" sldId="587"/>
        </pc:sldMkLst>
      </pc:sldChg>
      <pc:sldChg chg="modSp del mod">
        <pc:chgData name="Bergfjord, Maria" userId="03ef0e1f-1f2e-474f-a77a-eb3d58cc04bd" providerId="ADAL" clId="{9B9CAF8D-8B5A-45FB-838C-EE92B5313090}" dt="2025-06-08T15:51:17.727" v="153" actId="47"/>
        <pc:sldMkLst>
          <pc:docMk/>
          <pc:sldMk cId="834694405" sldId="597"/>
        </pc:sldMkLst>
      </pc:sldChg>
      <pc:sldChg chg="add ord">
        <pc:chgData name="Bergfjord, Maria" userId="03ef0e1f-1f2e-474f-a77a-eb3d58cc04bd" providerId="ADAL" clId="{9B9CAF8D-8B5A-45FB-838C-EE92B5313090}" dt="2025-06-08T15:32:08.869" v="46"/>
        <pc:sldMkLst>
          <pc:docMk/>
          <pc:sldMk cId="1605346562" sldId="603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1213269580" sldId="604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2526822185" sldId="605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4243453486" sldId="606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412847789" sldId="609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2030250562" sldId="610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1653508854" sldId="631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2584068682" sldId="632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930840605" sldId="633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1235646172" sldId="634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219080996" sldId="635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1961112067" sldId="636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4205951050" sldId="637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4218207168" sldId="638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75790396" sldId="639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754433342" sldId="640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1716488854" sldId="641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245966524" sldId="642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3857432792" sldId="643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3812600277" sldId="644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4188685312" sldId="645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2990612843" sldId="646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3885150355" sldId="647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1426445602" sldId="648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4289881706" sldId="649"/>
        </pc:sldMkLst>
      </pc:sldChg>
      <pc:sldChg chg="add del">
        <pc:chgData name="Bergfjord, Maria" userId="03ef0e1f-1f2e-474f-a77a-eb3d58cc04bd" providerId="ADAL" clId="{9B9CAF8D-8B5A-45FB-838C-EE92B5313090}" dt="2025-06-11T12:17:53.796" v="2867"/>
        <pc:sldMkLst>
          <pc:docMk/>
          <pc:sldMk cId="765093465" sldId="650"/>
        </pc:sldMkLst>
      </pc:sldChg>
      <pc:sldChg chg="modSp add del mod">
        <pc:chgData name="Bergfjord, Maria" userId="03ef0e1f-1f2e-474f-a77a-eb3d58cc04bd" providerId="ADAL" clId="{9B9CAF8D-8B5A-45FB-838C-EE92B5313090}" dt="2025-06-08T19:33:07.485" v="1790" actId="790"/>
        <pc:sldMkLst>
          <pc:docMk/>
          <pc:sldMk cId="3309240207" sldId="760"/>
        </pc:sldMkLst>
        <pc:spChg chg="mo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3309240207" sldId="760"/>
            <ac:spMk id="2" creationId="{B15A7720-3796-F8EF-AFD5-5EC2FF033BC4}"/>
          </ac:spMkLst>
        </pc:spChg>
        <pc:spChg chg="mo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3309240207" sldId="760"/>
            <ac:spMk id="3" creationId="{86DB6E0B-9E71-8E2B-B979-5660CF0C0571}"/>
          </ac:spMkLst>
        </pc:spChg>
      </pc:sldChg>
      <pc:sldChg chg="modSp del mod">
        <pc:chgData name="Bergfjord, Maria" userId="03ef0e1f-1f2e-474f-a77a-eb3d58cc04bd" providerId="ADAL" clId="{9B9CAF8D-8B5A-45FB-838C-EE92B5313090}" dt="2025-06-08T18:41:38.425" v="1082" actId="47"/>
        <pc:sldMkLst>
          <pc:docMk/>
          <pc:sldMk cId="1842005610" sldId="762"/>
        </pc:sldMkLst>
      </pc:sldChg>
      <pc:sldChg chg="new del">
        <pc:chgData name="Bergfjord, Maria" userId="03ef0e1f-1f2e-474f-a77a-eb3d58cc04bd" providerId="ADAL" clId="{9B9CAF8D-8B5A-45FB-838C-EE92B5313090}" dt="2025-06-08T15:48:30.363" v="50" actId="680"/>
        <pc:sldMkLst>
          <pc:docMk/>
          <pc:sldMk cId="375575230" sldId="763"/>
        </pc:sldMkLst>
      </pc:sldChg>
      <pc:sldChg chg="addSp delSp modSp new del mod ord">
        <pc:chgData name="Bergfjord, Maria" userId="03ef0e1f-1f2e-474f-a77a-eb3d58cc04bd" providerId="ADAL" clId="{9B9CAF8D-8B5A-45FB-838C-EE92B5313090}" dt="2025-06-08T18:41:39.614" v="1083" actId="47"/>
        <pc:sldMkLst>
          <pc:docMk/>
          <pc:sldMk cId="1488332018" sldId="763"/>
        </pc:sldMkLst>
      </pc:sldChg>
      <pc:sldChg chg="add del">
        <pc:chgData name="Bergfjord, Maria" userId="03ef0e1f-1f2e-474f-a77a-eb3d58cc04bd" providerId="ADAL" clId="{9B9CAF8D-8B5A-45FB-838C-EE92B5313090}" dt="2025-06-08T15:32:00.454" v="44" actId="47"/>
        <pc:sldMkLst>
          <pc:docMk/>
          <pc:sldMk cId="2532829254" sldId="763"/>
        </pc:sldMkLst>
      </pc:sldChg>
      <pc:sldChg chg="modSp new mod">
        <pc:chgData name="Bergfjord, Maria" userId="03ef0e1f-1f2e-474f-a77a-eb3d58cc04bd" providerId="ADAL" clId="{9B9CAF8D-8B5A-45FB-838C-EE92B5313090}" dt="2025-06-08T19:33:07.485" v="1790" actId="790"/>
        <pc:sldMkLst>
          <pc:docMk/>
          <pc:sldMk cId="3233350588" sldId="764"/>
        </pc:sldMkLst>
        <pc:spChg chg="mo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3233350588" sldId="764"/>
            <ac:spMk id="2" creationId="{0A4F36FD-9FF0-C1E8-EC94-B8D6ABA1E818}"/>
          </ac:spMkLst>
        </pc:spChg>
        <pc:spChg chg="mo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3233350588" sldId="764"/>
            <ac:spMk id="3" creationId="{12F48BA7-2236-926E-3806-CCFCDC872EC7}"/>
          </ac:spMkLst>
        </pc:spChg>
      </pc:sldChg>
      <pc:sldChg chg="modSp new add del mod">
        <pc:chgData name="Bergfjord, Maria" userId="03ef0e1f-1f2e-474f-a77a-eb3d58cc04bd" providerId="ADAL" clId="{9B9CAF8D-8B5A-45FB-838C-EE92B5313090}" dt="2025-06-08T16:01:16.894" v="216" actId="47"/>
        <pc:sldMkLst>
          <pc:docMk/>
          <pc:sldMk cId="2563983498" sldId="765"/>
        </pc:sldMkLst>
      </pc:sldChg>
      <pc:sldChg chg="addSp delSp modSp new mod chgLayout">
        <pc:chgData name="Bergfjord, Maria" userId="03ef0e1f-1f2e-474f-a77a-eb3d58cc04bd" providerId="ADAL" clId="{9B9CAF8D-8B5A-45FB-838C-EE92B5313090}" dt="2025-06-11T19:20:44.433" v="4847" actId="20577"/>
        <pc:sldMkLst>
          <pc:docMk/>
          <pc:sldMk cId="2795471251" sldId="765"/>
        </pc:sldMkLst>
        <pc:spChg chg="mod or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2795471251" sldId="765"/>
            <ac:spMk id="2" creationId="{3271893D-D358-0D11-DBE8-6AB4D9F5AD11}"/>
          </ac:spMkLst>
        </pc:spChg>
        <pc:spChg chg="mod">
          <ac:chgData name="Bergfjord, Maria" userId="03ef0e1f-1f2e-474f-a77a-eb3d58cc04bd" providerId="ADAL" clId="{9B9CAF8D-8B5A-45FB-838C-EE92B5313090}" dt="2025-06-11T19:20:44.433" v="4847" actId="20577"/>
          <ac:spMkLst>
            <pc:docMk/>
            <pc:sldMk cId="2795471251" sldId="765"/>
            <ac:spMk id="3" creationId="{559B3E10-E8F2-0F46-7A23-DBA1C3499700}"/>
          </ac:spMkLst>
        </pc:spChg>
        <pc:spChg chg="add mo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2795471251" sldId="765"/>
            <ac:spMk id="7" creationId="{A8E6CEF1-872D-E709-AA75-B21EACC7D0CE}"/>
          </ac:spMkLst>
        </pc:spChg>
        <pc:picChg chg="add mod modCrop">
          <ac:chgData name="Bergfjord, Maria" userId="03ef0e1f-1f2e-474f-a77a-eb3d58cc04bd" providerId="ADAL" clId="{9B9CAF8D-8B5A-45FB-838C-EE92B5313090}" dt="2025-06-11T12:23:33.318" v="2882" actId="14100"/>
          <ac:picMkLst>
            <pc:docMk/>
            <pc:sldMk cId="2795471251" sldId="765"/>
            <ac:picMk id="6" creationId="{3D76850E-6B42-DD0D-28BE-BFF28FA6BD13}"/>
          </ac:picMkLst>
        </pc:picChg>
      </pc:sldChg>
      <pc:sldChg chg="new del">
        <pc:chgData name="Bergfjord, Maria" userId="03ef0e1f-1f2e-474f-a77a-eb3d58cc04bd" providerId="ADAL" clId="{9B9CAF8D-8B5A-45FB-838C-EE92B5313090}" dt="2025-06-08T16:01:15.064" v="215" actId="47"/>
        <pc:sldMkLst>
          <pc:docMk/>
          <pc:sldMk cId="2828358270" sldId="766"/>
        </pc:sldMkLst>
      </pc:sldChg>
      <pc:sldChg chg="addSp delSp modSp new del mod modClrScheme chgLayout">
        <pc:chgData name="Bergfjord, Maria" userId="03ef0e1f-1f2e-474f-a77a-eb3d58cc04bd" providerId="ADAL" clId="{9B9CAF8D-8B5A-45FB-838C-EE92B5313090}" dt="2025-06-08T16:57:46.636" v="853" actId="47"/>
        <pc:sldMkLst>
          <pc:docMk/>
          <pc:sldMk cId="4054344188" sldId="766"/>
        </pc:sldMkLst>
      </pc:sldChg>
      <pc:sldChg chg="modSp add mod">
        <pc:chgData name="Bergfjord, Maria" userId="03ef0e1f-1f2e-474f-a77a-eb3d58cc04bd" providerId="ADAL" clId="{9B9CAF8D-8B5A-45FB-838C-EE92B5313090}" dt="2025-06-08T19:33:07.485" v="1790" actId="790"/>
        <pc:sldMkLst>
          <pc:docMk/>
          <pc:sldMk cId="3645701004" sldId="767"/>
        </pc:sldMkLst>
        <pc:spChg chg="mo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3645701004" sldId="767"/>
            <ac:spMk id="2" creationId="{0B3B2A56-1705-054D-388E-74029A4B225D}"/>
          </ac:spMkLst>
        </pc:spChg>
        <pc:spChg chg="mo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3645701004" sldId="767"/>
            <ac:spMk id="3" creationId="{843ACF1C-D803-D502-E98D-1B42A7935F7D}"/>
          </ac:spMkLst>
        </pc:spChg>
      </pc:sldChg>
      <pc:sldChg chg="addSp delSp modSp new mod modClrScheme chgLayout">
        <pc:chgData name="Bergfjord, Maria" userId="03ef0e1f-1f2e-474f-a77a-eb3d58cc04bd" providerId="ADAL" clId="{9B9CAF8D-8B5A-45FB-838C-EE92B5313090}" dt="2025-06-12T05:25:23.996" v="5090" actId="20577"/>
        <pc:sldMkLst>
          <pc:docMk/>
          <pc:sldMk cId="1336836218" sldId="768"/>
        </pc:sldMkLst>
        <pc:spChg chg="add mod">
          <ac:chgData name="Bergfjord, Maria" userId="03ef0e1f-1f2e-474f-a77a-eb3d58cc04bd" providerId="ADAL" clId="{9B9CAF8D-8B5A-45FB-838C-EE92B5313090}" dt="2025-06-11T18:31:19.291" v="4665" actId="20577"/>
          <ac:spMkLst>
            <pc:docMk/>
            <pc:sldMk cId="1336836218" sldId="768"/>
            <ac:spMk id="2" creationId="{1A8A5A3A-906E-5E7F-A481-CBBF0630FD93}"/>
          </ac:spMkLst>
        </pc:spChg>
        <pc:spChg chg="mod or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1336836218" sldId="768"/>
            <ac:spMk id="3" creationId="{C07AF43C-C8D4-AF4C-2EB6-953FC5851239}"/>
          </ac:spMkLst>
        </pc:spChg>
        <pc:spChg chg="add mod ord">
          <ac:chgData name="Bergfjord, Maria" userId="03ef0e1f-1f2e-474f-a77a-eb3d58cc04bd" providerId="ADAL" clId="{9B9CAF8D-8B5A-45FB-838C-EE92B5313090}" dt="2025-06-12T05:25:23.996" v="5090" actId="20577"/>
          <ac:spMkLst>
            <pc:docMk/>
            <pc:sldMk cId="1336836218" sldId="768"/>
            <ac:spMk id="4" creationId="{88DF98E1-4F21-FD1D-5DE6-0636482F3779}"/>
          </ac:spMkLst>
        </pc:spChg>
        <pc:spChg chg="add mod">
          <ac:chgData name="Bergfjord, Maria" userId="03ef0e1f-1f2e-474f-a77a-eb3d58cc04bd" providerId="ADAL" clId="{9B9CAF8D-8B5A-45FB-838C-EE92B5313090}" dt="2025-06-11T18:31:11.370" v="4660"/>
          <ac:spMkLst>
            <pc:docMk/>
            <pc:sldMk cId="1336836218" sldId="768"/>
            <ac:spMk id="5" creationId="{88F16DB1-055B-2A4E-E5CC-447DCD2E8946}"/>
          </ac:spMkLst>
        </pc:spChg>
        <pc:picChg chg="add mod">
          <ac:chgData name="Bergfjord, Maria" userId="03ef0e1f-1f2e-474f-a77a-eb3d58cc04bd" providerId="ADAL" clId="{9B9CAF8D-8B5A-45FB-838C-EE92B5313090}" dt="2025-06-08T18:37:54.114" v="1024" actId="26606"/>
          <ac:picMkLst>
            <pc:docMk/>
            <pc:sldMk cId="1336836218" sldId="768"/>
            <ac:picMk id="7" creationId="{6625636B-26BA-FB52-C5BB-C0B13574C220}"/>
          </ac:picMkLst>
        </pc:picChg>
      </pc:sldChg>
      <pc:sldChg chg="modSp add del mod">
        <pc:chgData name="Bergfjord, Maria" userId="03ef0e1f-1f2e-474f-a77a-eb3d58cc04bd" providerId="ADAL" clId="{9B9CAF8D-8B5A-45FB-838C-EE92B5313090}" dt="2025-06-08T19:39:23.002" v="1991" actId="47"/>
        <pc:sldMkLst>
          <pc:docMk/>
          <pc:sldMk cId="3073815189" sldId="769"/>
        </pc:sldMkLst>
      </pc:sldChg>
      <pc:sldChg chg="modSp add mod">
        <pc:chgData name="Bergfjord, Maria" userId="03ef0e1f-1f2e-474f-a77a-eb3d58cc04bd" providerId="ADAL" clId="{9B9CAF8D-8B5A-45FB-838C-EE92B5313090}" dt="2025-06-11T18:34:17.244" v="4681" actId="20577"/>
        <pc:sldMkLst>
          <pc:docMk/>
          <pc:sldMk cId="3670085152" sldId="770"/>
        </pc:sldMkLst>
        <pc:spChg chg="mod">
          <ac:chgData name="Bergfjord, Maria" userId="03ef0e1f-1f2e-474f-a77a-eb3d58cc04bd" providerId="ADAL" clId="{9B9CAF8D-8B5A-45FB-838C-EE92B5313090}" dt="2025-06-11T18:34:17.244" v="4681" actId="20577"/>
          <ac:spMkLst>
            <pc:docMk/>
            <pc:sldMk cId="3670085152" sldId="770"/>
            <ac:spMk id="2" creationId="{F2187B8E-BEEC-096D-1602-21F295F88BE5}"/>
          </ac:spMkLst>
        </pc:spChg>
        <pc:spChg chg="mo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3670085152" sldId="770"/>
            <ac:spMk id="3" creationId="{608C030F-16B7-BE0D-1508-5F664B838654}"/>
          </ac:spMkLst>
        </pc:spChg>
      </pc:sldChg>
      <pc:sldChg chg="modSp add del mod">
        <pc:chgData name="Bergfjord, Maria" userId="03ef0e1f-1f2e-474f-a77a-eb3d58cc04bd" providerId="ADAL" clId="{9B9CAF8D-8B5A-45FB-838C-EE92B5313090}" dt="2025-06-08T18:41:36.271" v="1081" actId="47"/>
        <pc:sldMkLst>
          <pc:docMk/>
          <pc:sldMk cId="3195554596" sldId="771"/>
        </pc:sldMkLst>
      </pc:sldChg>
      <pc:sldChg chg="modSp new del mod">
        <pc:chgData name="Bergfjord, Maria" userId="03ef0e1f-1f2e-474f-a77a-eb3d58cc04bd" providerId="ADAL" clId="{9B9CAF8D-8B5A-45FB-838C-EE92B5313090}" dt="2025-06-08T16:35:11.109" v="669" actId="47"/>
        <pc:sldMkLst>
          <pc:docMk/>
          <pc:sldMk cId="3758608056" sldId="772"/>
        </pc:sldMkLst>
      </pc:sldChg>
      <pc:sldChg chg="addSp delSp modSp new mod chgLayout">
        <pc:chgData name="Bergfjord, Maria" userId="03ef0e1f-1f2e-474f-a77a-eb3d58cc04bd" providerId="ADAL" clId="{9B9CAF8D-8B5A-45FB-838C-EE92B5313090}" dt="2025-06-08T19:33:07.485" v="1790" actId="790"/>
        <pc:sldMkLst>
          <pc:docMk/>
          <pc:sldMk cId="2820298226" sldId="773"/>
        </pc:sldMkLst>
        <pc:spChg chg="mo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2820298226" sldId="773"/>
            <ac:spMk id="3" creationId="{0D21EF12-AA0B-6E95-63EF-9932BC47ED0F}"/>
          </ac:spMkLst>
        </pc:spChg>
        <pc:spChg chg="add mo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2820298226" sldId="773"/>
            <ac:spMk id="11" creationId="{8101F9B9-4949-A622-8FE5-E4CEEC18472D}"/>
          </ac:spMkLst>
        </pc:spChg>
        <pc:picChg chg="add mod ord">
          <ac:chgData name="Bergfjord, Maria" userId="03ef0e1f-1f2e-474f-a77a-eb3d58cc04bd" providerId="ADAL" clId="{9B9CAF8D-8B5A-45FB-838C-EE92B5313090}" dt="2025-06-08T16:39:08.657" v="672" actId="26606"/>
          <ac:picMkLst>
            <pc:docMk/>
            <pc:sldMk cId="2820298226" sldId="773"/>
            <ac:picMk id="6" creationId="{9DE2783D-5BCD-E5D7-F066-05E20C30BB90}"/>
          </ac:picMkLst>
        </pc:picChg>
      </pc:sldChg>
      <pc:sldChg chg="delSp modSp add mod ord modClrScheme chgLayout">
        <pc:chgData name="Bergfjord, Maria" userId="03ef0e1f-1f2e-474f-a77a-eb3d58cc04bd" providerId="ADAL" clId="{9B9CAF8D-8B5A-45FB-838C-EE92B5313090}" dt="2025-06-12T05:25:06.491" v="5086" actId="20577"/>
        <pc:sldMkLst>
          <pc:docMk/>
          <pc:sldMk cId="3177936856" sldId="774"/>
        </pc:sldMkLst>
        <pc:spChg chg="mod ord">
          <ac:chgData name="Bergfjord, Maria" userId="03ef0e1f-1f2e-474f-a77a-eb3d58cc04bd" providerId="ADAL" clId="{9B9CAF8D-8B5A-45FB-838C-EE92B5313090}" dt="2025-06-12T05:25:06.491" v="5086" actId="20577"/>
          <ac:spMkLst>
            <pc:docMk/>
            <pc:sldMk cId="3177936856" sldId="774"/>
            <ac:spMk id="2" creationId="{C1600C64-79DF-0C81-2C22-F78F21837BA8}"/>
          </ac:spMkLst>
        </pc:spChg>
        <pc:spChg chg="mod or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3177936856" sldId="774"/>
            <ac:spMk id="3" creationId="{11F4B3AF-5D46-59F0-C18D-4B3FEAB605CD}"/>
          </ac:spMkLst>
        </pc:spChg>
      </pc:sldChg>
      <pc:sldChg chg="modSp add del mod">
        <pc:chgData name="Bergfjord, Maria" userId="03ef0e1f-1f2e-474f-a77a-eb3d58cc04bd" providerId="ADAL" clId="{9B9CAF8D-8B5A-45FB-838C-EE92B5313090}" dt="2025-06-08T19:15:28.858" v="1369" actId="47"/>
        <pc:sldMkLst>
          <pc:docMk/>
          <pc:sldMk cId="2661687655" sldId="775"/>
        </pc:sldMkLst>
      </pc:sldChg>
      <pc:sldChg chg="addSp modSp add mod chgLayout">
        <pc:chgData name="Bergfjord, Maria" userId="03ef0e1f-1f2e-474f-a77a-eb3d58cc04bd" providerId="ADAL" clId="{9B9CAF8D-8B5A-45FB-838C-EE92B5313090}" dt="2025-06-12T05:25:43.539" v="5091" actId="6549"/>
        <pc:sldMkLst>
          <pc:docMk/>
          <pc:sldMk cId="2267716731" sldId="776"/>
        </pc:sldMkLst>
        <pc:spChg chg="mod or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2267716731" sldId="776"/>
            <ac:spMk id="3" creationId="{6D4D9564-17A9-9695-4B61-5F8755EC1991}"/>
          </ac:spMkLst>
        </pc:spChg>
        <pc:spChg chg="mod ord">
          <ac:chgData name="Bergfjord, Maria" userId="03ef0e1f-1f2e-474f-a77a-eb3d58cc04bd" providerId="ADAL" clId="{9B9CAF8D-8B5A-45FB-838C-EE92B5313090}" dt="2025-06-12T05:25:43.539" v="5091" actId="6549"/>
          <ac:spMkLst>
            <pc:docMk/>
            <pc:sldMk cId="2267716731" sldId="776"/>
            <ac:spMk id="4" creationId="{1D8B250A-2659-4EB8-1D05-DD7FA3EA1003}"/>
          </ac:spMkLst>
        </pc:spChg>
        <pc:spChg chg="add mod">
          <ac:chgData name="Bergfjord, Maria" userId="03ef0e1f-1f2e-474f-a77a-eb3d58cc04bd" providerId="ADAL" clId="{9B9CAF8D-8B5A-45FB-838C-EE92B5313090}" dt="2025-06-08T19:33:07.485" v="1790" actId="790"/>
          <ac:spMkLst>
            <pc:docMk/>
            <pc:sldMk cId="2267716731" sldId="776"/>
            <ac:spMk id="6" creationId="{48BE50E4-BB77-59B4-64F2-3A329C938B1D}"/>
          </ac:spMkLst>
        </pc:spChg>
        <pc:picChg chg="add mod">
          <ac:chgData name="Bergfjord, Maria" userId="03ef0e1f-1f2e-474f-a77a-eb3d58cc04bd" providerId="ADAL" clId="{9B9CAF8D-8B5A-45FB-838C-EE92B5313090}" dt="2025-06-11T19:26:57.135" v="4856" actId="14100"/>
          <ac:picMkLst>
            <pc:docMk/>
            <pc:sldMk cId="2267716731" sldId="776"/>
            <ac:picMk id="5" creationId="{7787D972-331F-9031-A576-6E7EE90302FC}"/>
          </ac:picMkLst>
        </pc:picChg>
        <pc:picChg chg="mod ord">
          <ac:chgData name="Bergfjord, Maria" userId="03ef0e1f-1f2e-474f-a77a-eb3d58cc04bd" providerId="ADAL" clId="{9B9CAF8D-8B5A-45FB-838C-EE92B5313090}" dt="2025-06-08T19:07:18.834" v="1356" actId="700"/>
          <ac:picMkLst>
            <pc:docMk/>
            <pc:sldMk cId="2267716731" sldId="776"/>
            <ac:picMk id="7" creationId="{F39792AE-70B7-A587-33E8-6DB928D3C1D1}"/>
          </ac:picMkLst>
        </pc:picChg>
      </pc:sldChg>
      <pc:sldChg chg="addSp delSp modSp add del mod modClrScheme chgLayout">
        <pc:chgData name="Bergfjord, Maria" userId="03ef0e1f-1f2e-474f-a77a-eb3d58cc04bd" providerId="ADAL" clId="{9B9CAF8D-8B5A-45FB-838C-EE92B5313090}" dt="2025-06-11T13:29:57.084" v="4592" actId="47"/>
        <pc:sldMkLst>
          <pc:docMk/>
          <pc:sldMk cId="1645247746" sldId="777"/>
        </pc:sldMkLst>
      </pc:sldChg>
      <pc:sldChg chg="addSp delSp modSp new del mod modClrScheme chgLayout">
        <pc:chgData name="Bergfjord, Maria" userId="03ef0e1f-1f2e-474f-a77a-eb3d58cc04bd" providerId="ADAL" clId="{9B9CAF8D-8B5A-45FB-838C-EE92B5313090}" dt="2025-06-11T12:43:02.779" v="3533" actId="47"/>
        <pc:sldMkLst>
          <pc:docMk/>
          <pc:sldMk cId="3260464853" sldId="778"/>
        </pc:sldMkLst>
        <pc:spChg chg="add del mod">
          <ac:chgData name="Bergfjord, Maria" userId="03ef0e1f-1f2e-474f-a77a-eb3d58cc04bd" providerId="ADAL" clId="{9B9CAF8D-8B5A-45FB-838C-EE92B5313090}" dt="2025-06-11T12:25:22.313" v="2903" actId="700"/>
          <ac:spMkLst>
            <pc:docMk/>
            <pc:sldMk cId="3260464853" sldId="778"/>
            <ac:spMk id="3" creationId="{BE39B25B-FD31-4054-CDD2-CD295FB5A737}"/>
          </ac:spMkLst>
        </pc:spChg>
        <pc:spChg chg="add mod ord">
          <ac:chgData name="Bergfjord, Maria" userId="03ef0e1f-1f2e-474f-a77a-eb3d58cc04bd" providerId="ADAL" clId="{9B9CAF8D-8B5A-45FB-838C-EE92B5313090}" dt="2025-06-11T12:25:38.278" v="2906" actId="700"/>
          <ac:spMkLst>
            <pc:docMk/>
            <pc:sldMk cId="3260464853" sldId="778"/>
            <ac:spMk id="5" creationId="{E0ED2B6E-0ECD-DA7D-209B-C652AB186313}"/>
          </ac:spMkLst>
        </pc:spChg>
        <pc:spChg chg="add del mod">
          <ac:chgData name="Bergfjord, Maria" userId="03ef0e1f-1f2e-474f-a77a-eb3d58cc04bd" providerId="ADAL" clId="{9B9CAF8D-8B5A-45FB-838C-EE92B5313090}" dt="2025-06-11T12:25:22.313" v="2903" actId="700"/>
          <ac:spMkLst>
            <pc:docMk/>
            <pc:sldMk cId="3260464853" sldId="778"/>
            <ac:spMk id="6" creationId="{CBDE4853-FA79-C79D-9F69-87767E17AB57}"/>
          </ac:spMkLst>
        </pc:spChg>
        <pc:spChg chg="add mod ord">
          <ac:chgData name="Bergfjord, Maria" userId="03ef0e1f-1f2e-474f-a77a-eb3d58cc04bd" providerId="ADAL" clId="{9B9CAF8D-8B5A-45FB-838C-EE92B5313090}" dt="2025-06-11T12:25:38.278" v="2906" actId="700"/>
          <ac:spMkLst>
            <pc:docMk/>
            <pc:sldMk cId="3260464853" sldId="778"/>
            <ac:spMk id="8" creationId="{521A33EC-1C62-E917-A483-E71A32729B83}"/>
          </ac:spMkLst>
        </pc:spChg>
        <pc:spChg chg="add del mod ord">
          <ac:chgData name="Bergfjord, Maria" userId="03ef0e1f-1f2e-474f-a77a-eb3d58cc04bd" providerId="ADAL" clId="{9B9CAF8D-8B5A-45FB-838C-EE92B5313090}" dt="2025-06-11T12:25:22.313" v="2903" actId="700"/>
          <ac:spMkLst>
            <pc:docMk/>
            <pc:sldMk cId="3260464853" sldId="778"/>
            <ac:spMk id="9" creationId="{4638FF06-FAC4-5076-668F-18B364C48D81}"/>
          </ac:spMkLst>
        </pc:spChg>
        <pc:spChg chg="add del mod ord">
          <ac:chgData name="Bergfjord, Maria" userId="03ef0e1f-1f2e-474f-a77a-eb3d58cc04bd" providerId="ADAL" clId="{9B9CAF8D-8B5A-45FB-838C-EE92B5313090}" dt="2025-06-11T12:25:22.313" v="2903" actId="700"/>
          <ac:spMkLst>
            <pc:docMk/>
            <pc:sldMk cId="3260464853" sldId="778"/>
            <ac:spMk id="11" creationId="{3B1BA485-714B-2DB4-D27B-1E08739E6DAA}"/>
          </ac:spMkLst>
        </pc:spChg>
        <pc:picChg chg="add mod ord">
          <ac:chgData name="Bergfjord, Maria" userId="03ef0e1f-1f2e-474f-a77a-eb3d58cc04bd" providerId="ADAL" clId="{9B9CAF8D-8B5A-45FB-838C-EE92B5313090}" dt="2025-06-11T12:25:38.278" v="2906" actId="700"/>
          <ac:picMkLst>
            <pc:docMk/>
            <pc:sldMk cId="3260464853" sldId="778"/>
            <ac:picMk id="14" creationId="{E19D671B-07F1-8870-8FE6-F4C21563B85A}"/>
          </ac:picMkLst>
        </pc:picChg>
        <pc:picChg chg="add del mod">
          <ac:chgData name="Bergfjord, Maria" userId="03ef0e1f-1f2e-474f-a77a-eb3d58cc04bd" providerId="ADAL" clId="{9B9CAF8D-8B5A-45FB-838C-EE92B5313090}" dt="2025-06-11T12:25:06.973" v="2897" actId="478"/>
          <ac:picMkLst>
            <pc:docMk/>
            <pc:sldMk cId="3260464853" sldId="778"/>
            <ac:picMk id="16" creationId="{DBE73153-C3EC-04EB-E0DC-3A8F5C6AD32E}"/>
          </ac:picMkLst>
        </pc:picChg>
        <pc:picChg chg="add del mod">
          <ac:chgData name="Bergfjord, Maria" userId="03ef0e1f-1f2e-474f-a77a-eb3d58cc04bd" providerId="ADAL" clId="{9B9CAF8D-8B5A-45FB-838C-EE92B5313090}" dt="2025-06-11T12:25:07.614" v="2898" actId="478"/>
          <ac:picMkLst>
            <pc:docMk/>
            <pc:sldMk cId="3260464853" sldId="778"/>
            <ac:picMk id="18" creationId="{4703D7BA-DC0F-3650-6C4C-A0C88A965EE2}"/>
          </ac:picMkLst>
        </pc:picChg>
      </pc:sldChg>
      <pc:sldChg chg="addSp delSp modSp add mod ord modClrScheme chgLayout">
        <pc:chgData name="Bergfjord, Maria" userId="03ef0e1f-1f2e-474f-a77a-eb3d58cc04bd" providerId="ADAL" clId="{9B9CAF8D-8B5A-45FB-838C-EE92B5313090}" dt="2025-06-12T05:26:28.568" v="5092" actId="313"/>
        <pc:sldMkLst>
          <pc:docMk/>
          <pc:sldMk cId="855832643" sldId="779"/>
        </pc:sldMkLst>
        <pc:spChg chg="mod ord">
          <ac:chgData name="Bergfjord, Maria" userId="03ef0e1f-1f2e-474f-a77a-eb3d58cc04bd" providerId="ADAL" clId="{9B9CAF8D-8B5A-45FB-838C-EE92B5313090}" dt="2025-06-12T05:26:28.568" v="5092" actId="313"/>
          <ac:spMkLst>
            <pc:docMk/>
            <pc:sldMk cId="855832643" sldId="779"/>
            <ac:spMk id="2" creationId="{3FBB4195-8649-7B82-E907-A11C02942D8F}"/>
          </ac:spMkLst>
        </pc:spChg>
        <pc:spChg chg="mod ord">
          <ac:chgData name="Bergfjord, Maria" userId="03ef0e1f-1f2e-474f-a77a-eb3d58cc04bd" providerId="ADAL" clId="{9B9CAF8D-8B5A-45FB-838C-EE92B5313090}" dt="2025-06-08T19:40:41.748" v="2017" actId="20577"/>
          <ac:spMkLst>
            <pc:docMk/>
            <pc:sldMk cId="855832643" sldId="779"/>
            <ac:spMk id="3" creationId="{392D5ACB-E876-027E-F9F6-E07A94D1C68D}"/>
          </ac:spMkLst>
        </pc:spChg>
        <pc:spChg chg="add del mod">
          <ac:chgData name="Bergfjord, Maria" userId="03ef0e1f-1f2e-474f-a77a-eb3d58cc04bd" providerId="ADAL" clId="{9B9CAF8D-8B5A-45FB-838C-EE92B5313090}" dt="2025-06-11T19:06:38.305" v="4812"/>
          <ac:spMkLst>
            <pc:docMk/>
            <pc:sldMk cId="855832643" sldId="779"/>
            <ac:spMk id="5" creationId="{C77A300A-6C51-1479-F950-657A55085FB2}"/>
          </ac:spMkLst>
        </pc:spChg>
        <pc:spChg chg="add mod">
          <ac:chgData name="Bergfjord, Maria" userId="03ef0e1f-1f2e-474f-a77a-eb3d58cc04bd" providerId="ADAL" clId="{9B9CAF8D-8B5A-45FB-838C-EE92B5313090}" dt="2025-06-08T19:43:54.104" v="2102" actId="14100"/>
          <ac:spMkLst>
            <pc:docMk/>
            <pc:sldMk cId="855832643" sldId="779"/>
            <ac:spMk id="7" creationId="{94C5FCEB-FA1C-B1DA-637C-035885F2B290}"/>
          </ac:spMkLst>
        </pc:spChg>
        <pc:graphicFrameChg chg="add mod modGraphic">
          <ac:chgData name="Bergfjord, Maria" userId="03ef0e1f-1f2e-474f-a77a-eb3d58cc04bd" providerId="ADAL" clId="{9B9CAF8D-8B5A-45FB-838C-EE92B5313090}" dt="2025-06-11T19:06:17.944" v="4809" actId="1076"/>
          <ac:graphicFrameMkLst>
            <pc:docMk/>
            <pc:sldMk cId="855832643" sldId="779"/>
            <ac:graphicFrameMk id="4" creationId="{ACFC5F9C-A454-A334-7623-E0AD048E3AFA}"/>
          </ac:graphicFrameMkLst>
        </pc:graphicFrameChg>
        <pc:picChg chg="add mod ord">
          <ac:chgData name="Bergfjord, Maria" userId="03ef0e1f-1f2e-474f-a77a-eb3d58cc04bd" providerId="ADAL" clId="{9B9CAF8D-8B5A-45FB-838C-EE92B5313090}" dt="2025-06-11T19:06:37.567" v="4810" actId="14100"/>
          <ac:picMkLst>
            <pc:docMk/>
            <pc:sldMk cId="855832643" sldId="779"/>
            <ac:picMk id="6" creationId="{AFBF59E8-736F-A112-4811-81A1F8AA5F1E}"/>
          </ac:picMkLst>
        </pc:picChg>
      </pc:sldChg>
      <pc:sldChg chg="addSp modSp add mod">
        <pc:chgData name="Bergfjord, Maria" userId="03ef0e1f-1f2e-474f-a77a-eb3d58cc04bd" providerId="ADAL" clId="{9B9CAF8D-8B5A-45FB-838C-EE92B5313090}" dt="2025-06-11T19:41:46.348" v="4964" actId="20577"/>
        <pc:sldMkLst>
          <pc:docMk/>
          <pc:sldMk cId="3489302198" sldId="780"/>
        </pc:sldMkLst>
        <pc:spChg chg="mod">
          <ac:chgData name="Bergfjord, Maria" userId="03ef0e1f-1f2e-474f-a77a-eb3d58cc04bd" providerId="ADAL" clId="{9B9CAF8D-8B5A-45FB-838C-EE92B5313090}" dt="2025-06-11T19:02:21.692" v="4777" actId="20577"/>
          <ac:spMkLst>
            <pc:docMk/>
            <pc:sldMk cId="3489302198" sldId="780"/>
            <ac:spMk id="2" creationId="{A94FA1BB-FF7C-667B-0635-188424FDD748}"/>
          </ac:spMkLst>
        </pc:spChg>
        <pc:spChg chg="mod">
          <ac:chgData name="Bergfjord, Maria" userId="03ef0e1f-1f2e-474f-a77a-eb3d58cc04bd" providerId="ADAL" clId="{9B9CAF8D-8B5A-45FB-838C-EE92B5313090}" dt="2025-06-08T19:40:48.914" v="2018" actId="20577"/>
          <ac:spMkLst>
            <pc:docMk/>
            <pc:sldMk cId="3489302198" sldId="780"/>
            <ac:spMk id="3" creationId="{D9DE6BD7-16DA-B82D-863E-BA21D55AD411}"/>
          </ac:spMkLst>
        </pc:spChg>
        <pc:spChg chg="add mod">
          <ac:chgData name="Bergfjord, Maria" userId="03ef0e1f-1f2e-474f-a77a-eb3d58cc04bd" providerId="ADAL" clId="{9B9CAF8D-8B5A-45FB-838C-EE92B5313090}" dt="2025-06-11T19:02:05.235" v="4774" actId="1076"/>
          <ac:spMkLst>
            <pc:docMk/>
            <pc:sldMk cId="3489302198" sldId="780"/>
            <ac:spMk id="5" creationId="{26209B73-CA32-B119-770B-9E2F394D2B60}"/>
          </ac:spMkLst>
        </pc:spChg>
        <pc:graphicFrameChg chg="add mod modGraphic">
          <ac:chgData name="Bergfjord, Maria" userId="03ef0e1f-1f2e-474f-a77a-eb3d58cc04bd" providerId="ADAL" clId="{9B9CAF8D-8B5A-45FB-838C-EE92B5313090}" dt="2025-06-11T19:41:46.348" v="4964" actId="20577"/>
          <ac:graphicFrameMkLst>
            <pc:docMk/>
            <pc:sldMk cId="3489302198" sldId="780"/>
            <ac:graphicFrameMk id="4" creationId="{50D21353-BB07-0E08-6F0F-3CB5C011D133}"/>
          </ac:graphicFrameMkLst>
        </pc:graphicFrameChg>
      </pc:sldChg>
      <pc:sldChg chg="addSp delSp modSp add del mod modClrScheme chgLayout">
        <pc:chgData name="Bergfjord, Maria" userId="03ef0e1f-1f2e-474f-a77a-eb3d58cc04bd" providerId="ADAL" clId="{9B9CAF8D-8B5A-45FB-838C-EE92B5313090}" dt="2025-06-11T13:03:59.814" v="4130" actId="47"/>
        <pc:sldMkLst>
          <pc:docMk/>
          <pc:sldMk cId="1372160336" sldId="781"/>
        </pc:sldMkLst>
        <pc:spChg chg="mod ord">
          <ac:chgData name="Bergfjord, Maria" userId="03ef0e1f-1f2e-474f-a77a-eb3d58cc04bd" providerId="ADAL" clId="{9B9CAF8D-8B5A-45FB-838C-EE92B5313090}" dt="2025-06-11T12:24:30.314" v="2891" actId="403"/>
          <ac:spMkLst>
            <pc:docMk/>
            <pc:sldMk cId="1372160336" sldId="781"/>
            <ac:spMk id="2" creationId="{EF7F3CCC-90F8-8417-AAC8-81183BCE3CBD}"/>
          </ac:spMkLst>
        </pc:spChg>
      </pc:sldChg>
      <pc:sldChg chg="addSp delSp modSp add mod modClrScheme chgLayout">
        <pc:chgData name="Bergfjord, Maria" userId="03ef0e1f-1f2e-474f-a77a-eb3d58cc04bd" providerId="ADAL" clId="{9B9CAF8D-8B5A-45FB-838C-EE92B5313090}" dt="2025-06-12T06:12:14.470" v="5112" actId="18131"/>
        <pc:sldMkLst>
          <pc:docMk/>
          <pc:sldMk cId="784674186" sldId="782"/>
        </pc:sldMkLst>
        <pc:spChg chg="mod ord">
          <ac:chgData name="Bergfjord, Maria" userId="03ef0e1f-1f2e-474f-a77a-eb3d58cc04bd" providerId="ADAL" clId="{9B9CAF8D-8B5A-45FB-838C-EE92B5313090}" dt="2025-06-08T19:57:35.256" v="2417"/>
          <ac:spMkLst>
            <pc:docMk/>
            <pc:sldMk cId="784674186" sldId="782"/>
            <ac:spMk id="3" creationId="{0A668DE6-E67A-793F-5279-84A3C7746294}"/>
          </ac:spMkLst>
        </pc:spChg>
        <pc:spChg chg="mod">
          <ac:chgData name="Bergfjord, Maria" userId="03ef0e1f-1f2e-474f-a77a-eb3d58cc04bd" providerId="ADAL" clId="{9B9CAF8D-8B5A-45FB-838C-EE92B5313090}" dt="2025-06-08T19:59:36.661" v="2443" actId="404"/>
          <ac:spMkLst>
            <pc:docMk/>
            <pc:sldMk cId="784674186" sldId="782"/>
            <ac:spMk id="30" creationId="{BB7D1D32-ABEA-5085-4071-92F95363BC7F}"/>
          </ac:spMkLst>
        </pc:spChg>
        <pc:spChg chg="add mod ord">
          <ac:chgData name="Bergfjord, Maria" userId="03ef0e1f-1f2e-474f-a77a-eb3d58cc04bd" providerId="ADAL" clId="{9B9CAF8D-8B5A-45FB-838C-EE92B5313090}" dt="2025-06-08T20:00:06.860" v="2450" actId="255"/>
          <ac:spMkLst>
            <pc:docMk/>
            <pc:sldMk cId="784674186" sldId="782"/>
            <ac:spMk id="31" creationId="{704EEFE0-6766-E3D6-9A6E-064A300F83E3}"/>
          </ac:spMkLst>
        </pc:spChg>
        <pc:spChg chg="add mod ord">
          <ac:chgData name="Bergfjord, Maria" userId="03ef0e1f-1f2e-474f-a77a-eb3d58cc04bd" providerId="ADAL" clId="{9B9CAF8D-8B5A-45FB-838C-EE92B5313090}" dt="2025-06-08T20:00:59.893" v="2478" actId="20577"/>
          <ac:spMkLst>
            <pc:docMk/>
            <pc:sldMk cId="784674186" sldId="782"/>
            <ac:spMk id="33" creationId="{4512195B-D542-FC3D-5F44-C7E0447F9399}"/>
          </ac:spMkLst>
        </pc:spChg>
        <pc:spChg chg="add mod ord">
          <ac:chgData name="Bergfjord, Maria" userId="03ef0e1f-1f2e-474f-a77a-eb3d58cc04bd" providerId="ADAL" clId="{9B9CAF8D-8B5A-45FB-838C-EE92B5313090}" dt="2025-06-08T20:01:22.613" v="2489" actId="20577"/>
          <ac:spMkLst>
            <pc:docMk/>
            <pc:sldMk cId="784674186" sldId="782"/>
            <ac:spMk id="34" creationId="{9275B286-0758-3A61-2181-9C0AAE30A528}"/>
          </ac:spMkLst>
        </pc:spChg>
        <pc:picChg chg="add mod modCrop">
          <ac:chgData name="Bergfjord, Maria" userId="03ef0e1f-1f2e-474f-a77a-eb3d58cc04bd" providerId="ADAL" clId="{9B9CAF8D-8B5A-45FB-838C-EE92B5313090}" dt="2025-06-12T06:12:14.470" v="5112" actId="18131"/>
          <ac:picMkLst>
            <pc:docMk/>
            <pc:sldMk cId="784674186" sldId="782"/>
            <ac:picMk id="37" creationId="{18211AD4-B7FD-CAEF-FDC3-CB6152D1DEF9}"/>
          </ac:picMkLst>
        </pc:picChg>
        <pc:picChg chg="add mod">
          <ac:chgData name="Bergfjord, Maria" userId="03ef0e1f-1f2e-474f-a77a-eb3d58cc04bd" providerId="ADAL" clId="{9B9CAF8D-8B5A-45FB-838C-EE92B5313090}" dt="2025-06-08T19:57:52.994" v="2423" actId="27614"/>
          <ac:picMkLst>
            <pc:docMk/>
            <pc:sldMk cId="784674186" sldId="782"/>
            <ac:picMk id="41" creationId="{5338824C-0473-4DA4-9577-92998C30E12A}"/>
          </ac:picMkLst>
        </pc:picChg>
        <pc:picChg chg="add mod">
          <ac:chgData name="Bergfjord, Maria" userId="03ef0e1f-1f2e-474f-a77a-eb3d58cc04bd" providerId="ADAL" clId="{9B9CAF8D-8B5A-45FB-838C-EE92B5313090}" dt="2025-06-08T19:58:21.505" v="2436" actId="14826"/>
          <ac:picMkLst>
            <pc:docMk/>
            <pc:sldMk cId="784674186" sldId="782"/>
            <ac:picMk id="47" creationId="{520BAE26-5767-341D-32AB-D9F1926AB180}"/>
          </ac:picMkLst>
        </pc:picChg>
        <pc:picChg chg="add mod">
          <ac:chgData name="Bergfjord, Maria" userId="03ef0e1f-1f2e-474f-a77a-eb3d58cc04bd" providerId="ADAL" clId="{9B9CAF8D-8B5A-45FB-838C-EE92B5313090}" dt="2025-06-08T19:58:16.711" v="2434" actId="27614"/>
          <ac:picMkLst>
            <pc:docMk/>
            <pc:sldMk cId="784674186" sldId="782"/>
            <ac:picMk id="51" creationId="{429ABAB1-F3A8-B0CB-CA11-B41FF01D11F5}"/>
          </ac:picMkLst>
        </pc:picChg>
      </pc:sldChg>
      <pc:sldChg chg="addSp delSp modSp new mod modClrScheme chgLayout">
        <pc:chgData name="Bergfjord, Maria" userId="03ef0e1f-1f2e-474f-a77a-eb3d58cc04bd" providerId="ADAL" clId="{9B9CAF8D-8B5A-45FB-838C-EE92B5313090}" dt="2025-06-11T18:55:14.506" v="4717" actId="14826"/>
        <pc:sldMkLst>
          <pc:docMk/>
          <pc:sldMk cId="4081137691" sldId="783"/>
        </pc:sldMkLst>
        <pc:spChg chg="add del mod">
          <ac:chgData name="Bergfjord, Maria" userId="03ef0e1f-1f2e-474f-a77a-eb3d58cc04bd" providerId="ADAL" clId="{9B9CAF8D-8B5A-45FB-838C-EE92B5313090}" dt="2025-06-11T18:54:44.243" v="4712" actId="478"/>
          <ac:spMkLst>
            <pc:docMk/>
            <pc:sldMk cId="4081137691" sldId="783"/>
            <ac:spMk id="3" creationId="{3C28D3F0-C6E1-2F70-F0BF-C793838CAC5B}"/>
          </ac:spMkLst>
        </pc:spChg>
        <pc:spChg chg="add del mod">
          <ac:chgData name="Bergfjord, Maria" userId="03ef0e1f-1f2e-474f-a77a-eb3d58cc04bd" providerId="ADAL" clId="{9B9CAF8D-8B5A-45FB-838C-EE92B5313090}" dt="2025-06-11T13:05:06.902" v="4141" actId="478"/>
          <ac:spMkLst>
            <pc:docMk/>
            <pc:sldMk cId="4081137691" sldId="783"/>
            <ac:spMk id="3" creationId="{4E063A34-BAA2-AF43-DF60-316A3D3B6063}"/>
          </ac:spMkLst>
        </pc:spChg>
        <pc:spChg chg="add mod ord">
          <ac:chgData name="Bergfjord, Maria" userId="03ef0e1f-1f2e-474f-a77a-eb3d58cc04bd" providerId="ADAL" clId="{9B9CAF8D-8B5A-45FB-838C-EE92B5313090}" dt="2025-06-08T20:16:24.429" v="2633" actId="26606"/>
          <ac:spMkLst>
            <pc:docMk/>
            <pc:sldMk cId="4081137691" sldId="783"/>
            <ac:spMk id="14" creationId="{602147A2-873D-D1E0-9055-6C2904881CBF}"/>
          </ac:spMkLst>
        </pc:spChg>
        <pc:spChg chg="add mod ord">
          <ac:chgData name="Bergfjord, Maria" userId="03ef0e1f-1f2e-474f-a77a-eb3d58cc04bd" providerId="ADAL" clId="{9B9CAF8D-8B5A-45FB-838C-EE92B5313090}" dt="2025-06-08T20:18:50.367" v="2671" actId="255"/>
          <ac:spMkLst>
            <pc:docMk/>
            <pc:sldMk cId="4081137691" sldId="783"/>
            <ac:spMk id="15" creationId="{A00A398E-0936-683D-41BB-B8D5D8C67D26}"/>
          </ac:spMkLst>
        </pc:spChg>
        <pc:spChg chg="add mod ord">
          <ac:chgData name="Bergfjord, Maria" userId="03ef0e1f-1f2e-474f-a77a-eb3d58cc04bd" providerId="ADAL" clId="{9B9CAF8D-8B5A-45FB-838C-EE92B5313090}" dt="2025-06-11T13:10:47.689" v="4153" actId="20577"/>
          <ac:spMkLst>
            <pc:docMk/>
            <pc:sldMk cId="4081137691" sldId="783"/>
            <ac:spMk id="38" creationId="{3128448F-C136-9125-BE2D-B99AAD8E82B0}"/>
          </ac:spMkLst>
        </pc:spChg>
        <pc:spChg chg="mod ord">
          <ac:chgData name="Bergfjord, Maria" userId="03ef0e1f-1f2e-474f-a77a-eb3d58cc04bd" providerId="ADAL" clId="{9B9CAF8D-8B5A-45FB-838C-EE92B5313090}" dt="2025-06-11T18:39:25.715" v="4701" actId="20577"/>
          <ac:spMkLst>
            <pc:docMk/>
            <pc:sldMk cId="4081137691" sldId="783"/>
            <ac:spMk id="42" creationId="{2302502A-3294-1542-344A-CF4B40681C44}"/>
          </ac:spMkLst>
        </pc:spChg>
        <pc:spChg chg="add mod">
          <ac:chgData name="Bergfjord, Maria" userId="03ef0e1f-1f2e-474f-a77a-eb3d58cc04bd" providerId="ADAL" clId="{9B9CAF8D-8B5A-45FB-838C-EE92B5313090}" dt="2025-06-08T20:18:55.016" v="2672" actId="255"/>
          <ac:spMkLst>
            <pc:docMk/>
            <pc:sldMk cId="4081137691" sldId="783"/>
            <ac:spMk id="78" creationId="{9D0A20E9-5CCE-0C8E-8BBF-D3D4BC8BA5E4}"/>
          </ac:spMkLst>
        </pc:spChg>
        <pc:graphicFrameChg chg="add mod modGraphic">
          <ac:chgData name="Bergfjord, Maria" userId="03ef0e1f-1f2e-474f-a77a-eb3d58cc04bd" providerId="ADAL" clId="{9B9CAF8D-8B5A-45FB-838C-EE92B5313090}" dt="2025-06-11T13:11:35.810" v="4205" actId="20577"/>
          <ac:graphicFrameMkLst>
            <pc:docMk/>
            <pc:sldMk cId="4081137691" sldId="783"/>
            <ac:graphicFrameMk id="4" creationId="{79C0D37B-6B87-40BD-4BD0-FCE13C817E2C}"/>
          </ac:graphicFrameMkLst>
        </pc:graphicFrameChg>
        <pc:picChg chg="add mod">
          <ac:chgData name="Bergfjord, Maria" userId="03ef0e1f-1f2e-474f-a77a-eb3d58cc04bd" providerId="ADAL" clId="{9B9CAF8D-8B5A-45FB-838C-EE92B5313090}" dt="2025-06-11T18:55:05.474" v="4716" actId="14826"/>
          <ac:picMkLst>
            <pc:docMk/>
            <pc:sldMk cId="4081137691" sldId="783"/>
            <ac:picMk id="5" creationId="{A0BB02F7-7E83-CDAB-DC91-A99CADCD2636}"/>
          </ac:picMkLst>
        </pc:picChg>
        <pc:picChg chg="add del mod ord modCrop">
          <ac:chgData name="Bergfjord, Maria" userId="03ef0e1f-1f2e-474f-a77a-eb3d58cc04bd" providerId="ADAL" clId="{9B9CAF8D-8B5A-45FB-838C-EE92B5313090}" dt="2025-06-11T13:04:16.599" v="4131" actId="478"/>
          <ac:picMkLst>
            <pc:docMk/>
            <pc:sldMk cId="4081137691" sldId="783"/>
            <ac:picMk id="33" creationId="{8B2167FA-B9FE-5B48-4682-AEFA81DB197C}"/>
          </ac:picMkLst>
        </pc:picChg>
        <pc:picChg chg="add mod ord">
          <ac:chgData name="Bergfjord, Maria" userId="03ef0e1f-1f2e-474f-a77a-eb3d58cc04bd" providerId="ADAL" clId="{9B9CAF8D-8B5A-45FB-838C-EE92B5313090}" dt="2025-06-11T18:55:14.506" v="4717" actId="14826"/>
          <ac:picMkLst>
            <pc:docMk/>
            <pc:sldMk cId="4081137691" sldId="783"/>
            <ac:picMk id="35" creationId="{5F150280-9DC1-016A-FBE9-4DF9BD4D5C32}"/>
          </ac:picMkLst>
        </pc:picChg>
        <pc:picChg chg="add del mod ord">
          <ac:chgData name="Bergfjord, Maria" userId="03ef0e1f-1f2e-474f-a77a-eb3d58cc04bd" providerId="ADAL" clId="{9B9CAF8D-8B5A-45FB-838C-EE92B5313090}" dt="2025-06-11T18:54:41.172" v="4711" actId="478"/>
          <ac:picMkLst>
            <pc:docMk/>
            <pc:sldMk cId="4081137691" sldId="783"/>
            <ac:picMk id="37" creationId="{3CD7183D-EFD0-5B7E-6672-7D4F4BD5AF73}"/>
          </ac:picMkLst>
        </pc:picChg>
      </pc:sldChg>
      <pc:sldChg chg="addSp delSp modSp new mod modClrScheme chgLayout">
        <pc:chgData name="Bergfjord, Maria" userId="03ef0e1f-1f2e-474f-a77a-eb3d58cc04bd" providerId="ADAL" clId="{9B9CAF8D-8B5A-45FB-838C-EE92B5313090}" dt="2025-06-11T13:19:06.114" v="4225" actId="14100"/>
        <pc:sldMkLst>
          <pc:docMk/>
          <pc:sldMk cId="1246003426" sldId="784"/>
        </pc:sldMkLst>
        <pc:spChg chg="add del mod">
          <ac:chgData name="Bergfjord, Maria" userId="03ef0e1f-1f2e-474f-a77a-eb3d58cc04bd" providerId="ADAL" clId="{9B9CAF8D-8B5A-45FB-838C-EE92B5313090}" dt="2025-06-11T12:22:41.618" v="2878" actId="931"/>
          <ac:spMkLst>
            <pc:docMk/>
            <pc:sldMk cId="1246003426" sldId="784"/>
            <ac:spMk id="3" creationId="{67780D61-7AD2-FF93-CF59-C151AECED10E}"/>
          </ac:spMkLst>
        </pc:spChg>
        <pc:spChg chg="mod ord">
          <ac:chgData name="Bergfjord, Maria" userId="03ef0e1f-1f2e-474f-a77a-eb3d58cc04bd" providerId="ADAL" clId="{9B9CAF8D-8B5A-45FB-838C-EE92B5313090}" dt="2025-06-08T20:25:12.918" v="2848" actId="26606"/>
          <ac:spMkLst>
            <pc:docMk/>
            <pc:sldMk cId="1246003426" sldId="784"/>
            <ac:spMk id="5" creationId="{4951FEB6-937B-B998-DDE8-959D760D6B20}"/>
          </ac:spMkLst>
        </pc:spChg>
        <pc:spChg chg="add del mod">
          <ac:chgData name="Bergfjord, Maria" userId="03ef0e1f-1f2e-474f-a77a-eb3d58cc04bd" providerId="ADAL" clId="{9B9CAF8D-8B5A-45FB-838C-EE92B5313090}" dt="2025-06-11T12:22:35.265" v="2875" actId="931"/>
          <ac:spMkLst>
            <pc:docMk/>
            <pc:sldMk cId="1246003426" sldId="784"/>
            <ac:spMk id="6" creationId="{69E47C89-DC95-7034-AA31-B66224F65139}"/>
          </ac:spMkLst>
        </pc:spChg>
        <pc:spChg chg="add del mod">
          <ac:chgData name="Bergfjord, Maria" userId="03ef0e1f-1f2e-474f-a77a-eb3d58cc04bd" providerId="ADAL" clId="{9B9CAF8D-8B5A-45FB-838C-EE92B5313090}" dt="2025-06-11T13:15:52.617" v="4209" actId="1957"/>
          <ac:spMkLst>
            <pc:docMk/>
            <pc:sldMk cId="1246003426" sldId="784"/>
            <ac:spMk id="12" creationId="{C4B1DB3F-B260-482A-12C8-9D232F2FCEC5}"/>
          </ac:spMkLst>
        </pc:spChg>
        <pc:spChg chg="add del mod">
          <ac:chgData name="Bergfjord, Maria" userId="03ef0e1f-1f2e-474f-a77a-eb3d58cc04bd" providerId="ADAL" clId="{9B9CAF8D-8B5A-45FB-838C-EE92B5313090}" dt="2025-06-11T13:16:34.033" v="4213" actId="22"/>
          <ac:spMkLst>
            <pc:docMk/>
            <pc:sldMk cId="1246003426" sldId="784"/>
            <ac:spMk id="20" creationId="{A21CDEC2-722E-C317-A3F0-E21892EE0FAB}"/>
          </ac:spMkLst>
        </pc:spChg>
        <pc:graphicFrameChg chg="add del mod">
          <ac:chgData name="Bergfjord, Maria" userId="03ef0e1f-1f2e-474f-a77a-eb3d58cc04bd" providerId="ADAL" clId="{9B9CAF8D-8B5A-45FB-838C-EE92B5313090}" dt="2025-06-11T13:16:21.886" v="4212" actId="478"/>
          <ac:graphicFrameMkLst>
            <pc:docMk/>
            <pc:sldMk cId="1246003426" sldId="784"/>
            <ac:graphicFrameMk id="18" creationId="{E28BC2D7-76F4-4E08-6E39-6290069C5B07}"/>
          </ac:graphicFrameMkLst>
        </pc:graphicFrameChg>
        <pc:picChg chg="add del mod">
          <ac:chgData name="Bergfjord, Maria" userId="03ef0e1f-1f2e-474f-a77a-eb3d58cc04bd" providerId="ADAL" clId="{9B9CAF8D-8B5A-45FB-838C-EE92B5313090}" dt="2025-06-11T13:15:31.663" v="4207" actId="478"/>
          <ac:picMkLst>
            <pc:docMk/>
            <pc:sldMk cId="1246003426" sldId="784"/>
            <ac:picMk id="8" creationId="{E6F3534B-12ED-65CD-603E-D59392C25EBD}"/>
          </ac:picMkLst>
        </pc:picChg>
        <pc:picChg chg="add mod">
          <ac:chgData name="Bergfjord, Maria" userId="03ef0e1f-1f2e-474f-a77a-eb3d58cc04bd" providerId="ADAL" clId="{9B9CAF8D-8B5A-45FB-838C-EE92B5313090}" dt="2025-06-11T13:18:19.920" v="4220" actId="14100"/>
          <ac:picMkLst>
            <pc:docMk/>
            <pc:sldMk cId="1246003426" sldId="784"/>
            <ac:picMk id="10" creationId="{2E1AA918-17A8-E1AA-70A8-D3674B703745}"/>
          </ac:picMkLst>
        </pc:picChg>
        <pc:picChg chg="add del mod">
          <ac:chgData name="Bergfjord, Maria" userId="03ef0e1f-1f2e-474f-a77a-eb3d58cc04bd" providerId="ADAL" clId="{9B9CAF8D-8B5A-45FB-838C-EE92B5313090}" dt="2025-06-11T12:22:20.989" v="2872" actId="478"/>
          <ac:picMkLst>
            <pc:docMk/>
            <pc:sldMk cId="1246003426" sldId="784"/>
            <ac:picMk id="14" creationId="{9D9F2299-625D-5BB0-15B0-30769B8419B5}"/>
          </ac:picMkLst>
        </pc:picChg>
        <pc:picChg chg="add del mod ord">
          <ac:chgData name="Bergfjord, Maria" userId="03ef0e1f-1f2e-474f-a77a-eb3d58cc04bd" providerId="ADAL" clId="{9B9CAF8D-8B5A-45FB-838C-EE92B5313090}" dt="2025-06-11T12:22:24.997" v="2874" actId="478"/>
          <ac:picMkLst>
            <pc:docMk/>
            <pc:sldMk cId="1246003426" sldId="784"/>
            <ac:picMk id="16" creationId="{BC9B6E44-C40B-E877-5295-1EA132C3C8DE}"/>
          </ac:picMkLst>
        </pc:picChg>
        <pc:picChg chg="add del mod">
          <ac:chgData name="Bergfjord, Maria" userId="03ef0e1f-1f2e-474f-a77a-eb3d58cc04bd" providerId="ADAL" clId="{9B9CAF8D-8B5A-45FB-838C-EE92B5313090}" dt="2025-06-11T12:22:23.499" v="2873" actId="478"/>
          <ac:picMkLst>
            <pc:docMk/>
            <pc:sldMk cId="1246003426" sldId="784"/>
            <ac:picMk id="17" creationId="{80B55897-B81D-013F-1B5F-CF04151FCF9A}"/>
          </ac:picMkLst>
        </pc:picChg>
        <pc:picChg chg="add mod ord">
          <ac:chgData name="Bergfjord, Maria" userId="03ef0e1f-1f2e-474f-a77a-eb3d58cc04bd" providerId="ADAL" clId="{9B9CAF8D-8B5A-45FB-838C-EE92B5313090}" dt="2025-06-11T13:18:15.001" v="4219" actId="14100"/>
          <ac:picMkLst>
            <pc:docMk/>
            <pc:sldMk cId="1246003426" sldId="784"/>
            <ac:picMk id="22" creationId="{89022B45-9635-BD18-6630-2421DF7342B8}"/>
          </ac:picMkLst>
        </pc:picChg>
        <pc:cxnChg chg="add mod">
          <ac:chgData name="Bergfjord, Maria" userId="03ef0e1f-1f2e-474f-a77a-eb3d58cc04bd" providerId="ADAL" clId="{9B9CAF8D-8B5A-45FB-838C-EE92B5313090}" dt="2025-06-11T13:17:13.576" v="4217" actId="14100"/>
          <ac:cxnSpMkLst>
            <pc:docMk/>
            <pc:sldMk cId="1246003426" sldId="784"/>
            <ac:cxnSpMk id="23" creationId="{AFA0A8C5-6B2B-764C-8065-863631D41C18}"/>
          </ac:cxnSpMkLst>
        </pc:cxnChg>
        <pc:cxnChg chg="add mod">
          <ac:chgData name="Bergfjord, Maria" userId="03ef0e1f-1f2e-474f-a77a-eb3d58cc04bd" providerId="ADAL" clId="{9B9CAF8D-8B5A-45FB-838C-EE92B5313090}" dt="2025-06-11T13:19:06.114" v="4225" actId="14100"/>
          <ac:cxnSpMkLst>
            <pc:docMk/>
            <pc:sldMk cId="1246003426" sldId="784"/>
            <ac:cxnSpMk id="26" creationId="{AFA0A8C5-6B2B-764C-8065-863631D41C18}"/>
          </ac:cxnSpMkLst>
        </pc:cxnChg>
      </pc:sldChg>
      <pc:sldChg chg="add del">
        <pc:chgData name="Bergfjord, Maria" userId="03ef0e1f-1f2e-474f-a77a-eb3d58cc04bd" providerId="ADAL" clId="{9B9CAF8D-8B5A-45FB-838C-EE92B5313090}" dt="2025-06-08T20:20:01.168" v="2763" actId="47"/>
        <pc:sldMkLst>
          <pc:docMk/>
          <pc:sldMk cId="3847471861" sldId="784"/>
        </pc:sldMkLst>
      </pc:sldChg>
      <pc:sldChg chg="addSp delSp modSp add del mod ord modClrScheme chgLayout">
        <pc:chgData name="Bergfjord, Maria" userId="03ef0e1f-1f2e-474f-a77a-eb3d58cc04bd" providerId="ADAL" clId="{9B9CAF8D-8B5A-45FB-838C-EE92B5313090}" dt="2025-06-11T17:47:52.999" v="4603" actId="47"/>
        <pc:sldMkLst>
          <pc:docMk/>
          <pc:sldMk cId="1962404785" sldId="785"/>
        </pc:sldMkLst>
        <pc:spChg chg="add del mod ord">
          <ac:chgData name="Bergfjord, Maria" userId="03ef0e1f-1f2e-474f-a77a-eb3d58cc04bd" providerId="ADAL" clId="{9B9CAF8D-8B5A-45FB-838C-EE92B5313090}" dt="2025-06-11T12:22:13.023" v="2871" actId="700"/>
          <ac:spMkLst>
            <pc:docMk/>
            <pc:sldMk cId="1962404785" sldId="785"/>
            <ac:spMk id="3" creationId="{6D7F4D27-9CE1-1AC8-9EFC-293B0ECD367F}"/>
          </ac:spMkLst>
        </pc:spChg>
        <pc:spChg chg="mod ord">
          <ac:chgData name="Bergfjord, Maria" userId="03ef0e1f-1f2e-474f-a77a-eb3d58cc04bd" providerId="ADAL" clId="{9B9CAF8D-8B5A-45FB-838C-EE92B5313090}" dt="2025-06-11T12:22:13.023" v="2871" actId="700"/>
          <ac:spMkLst>
            <pc:docMk/>
            <pc:sldMk cId="1962404785" sldId="785"/>
            <ac:spMk id="5" creationId="{D0A26C09-3E0B-7AED-B570-9B0B0996A1FE}"/>
          </ac:spMkLst>
        </pc:spChg>
        <pc:picChg chg="mod ord">
          <ac:chgData name="Bergfjord, Maria" userId="03ef0e1f-1f2e-474f-a77a-eb3d58cc04bd" providerId="ADAL" clId="{9B9CAF8D-8B5A-45FB-838C-EE92B5313090}" dt="2025-06-11T12:22:13.023" v="2871" actId="700"/>
          <ac:picMkLst>
            <pc:docMk/>
            <pc:sldMk cId="1962404785" sldId="785"/>
            <ac:picMk id="14" creationId="{E631DFE7-419E-B0E7-0F15-0E7C42575D2B}"/>
          </ac:picMkLst>
        </pc:picChg>
        <pc:picChg chg="del">
          <ac:chgData name="Bergfjord, Maria" userId="03ef0e1f-1f2e-474f-a77a-eb3d58cc04bd" providerId="ADAL" clId="{9B9CAF8D-8B5A-45FB-838C-EE92B5313090}" dt="2025-06-11T12:22:00.031" v="2869" actId="478"/>
          <ac:picMkLst>
            <pc:docMk/>
            <pc:sldMk cId="1962404785" sldId="785"/>
            <ac:picMk id="16" creationId="{6D8CD9E4-5FB9-7AFC-98EA-C9D62BF93371}"/>
          </ac:picMkLst>
        </pc:picChg>
        <pc:picChg chg="del">
          <ac:chgData name="Bergfjord, Maria" userId="03ef0e1f-1f2e-474f-a77a-eb3d58cc04bd" providerId="ADAL" clId="{9B9CAF8D-8B5A-45FB-838C-EE92B5313090}" dt="2025-06-11T12:22:02.803" v="2870" actId="478"/>
          <ac:picMkLst>
            <pc:docMk/>
            <pc:sldMk cId="1962404785" sldId="785"/>
            <ac:picMk id="17" creationId="{A1EB7B9C-8AF7-7E19-ABE2-87B9D8B18636}"/>
          </ac:picMkLst>
        </pc:picChg>
      </pc:sldChg>
      <pc:sldChg chg="addSp delSp modSp add del mod modClrScheme chgLayout">
        <pc:chgData name="Bergfjord, Maria" userId="03ef0e1f-1f2e-474f-a77a-eb3d58cc04bd" providerId="ADAL" clId="{9B9CAF8D-8B5A-45FB-838C-EE92B5313090}" dt="2025-06-11T18:04:51.453" v="4637" actId="47"/>
        <pc:sldMkLst>
          <pc:docMk/>
          <pc:sldMk cId="4273431410" sldId="786"/>
        </pc:sldMkLst>
        <pc:spChg chg="add del mod ord">
          <ac:chgData name="Bergfjord, Maria" userId="03ef0e1f-1f2e-474f-a77a-eb3d58cc04bd" providerId="ADAL" clId="{9B9CAF8D-8B5A-45FB-838C-EE92B5313090}" dt="2025-06-11T12:41:27.051" v="3512" actId="700"/>
          <ac:spMkLst>
            <pc:docMk/>
            <pc:sldMk cId="4273431410" sldId="786"/>
            <ac:spMk id="3" creationId="{5A4AE49C-7EF7-546F-C7EA-BC28F6E3C6A8}"/>
          </ac:spMkLst>
        </pc:spChg>
        <pc:spChg chg="add del mod">
          <ac:chgData name="Bergfjord, Maria" userId="03ef0e1f-1f2e-474f-a77a-eb3d58cc04bd" providerId="ADAL" clId="{9B9CAF8D-8B5A-45FB-838C-EE92B5313090}" dt="2025-06-11T18:04:08.082" v="4626" actId="478"/>
          <ac:spMkLst>
            <pc:docMk/>
            <pc:sldMk cId="4273431410" sldId="786"/>
            <ac:spMk id="3" creationId="{9A142427-65ED-2BC1-7E3D-07377BC978AC}"/>
          </ac:spMkLst>
        </pc:spChg>
        <pc:spChg chg="mod ord">
          <ac:chgData name="Bergfjord, Maria" userId="03ef0e1f-1f2e-474f-a77a-eb3d58cc04bd" providerId="ADAL" clId="{9B9CAF8D-8B5A-45FB-838C-EE92B5313090}" dt="2025-06-11T12:41:27.051" v="3512" actId="700"/>
          <ac:spMkLst>
            <pc:docMk/>
            <pc:sldMk cId="4273431410" sldId="786"/>
            <ac:spMk id="5" creationId="{3468B6AD-C357-F864-B6A7-B08142736C89}"/>
          </ac:spMkLst>
        </pc:spChg>
        <pc:spChg chg="add del mod">
          <ac:chgData name="Bergfjord, Maria" userId="03ef0e1f-1f2e-474f-a77a-eb3d58cc04bd" providerId="ADAL" clId="{9B9CAF8D-8B5A-45FB-838C-EE92B5313090}" dt="2025-06-11T12:41:40.376" v="3516" actId="478"/>
          <ac:spMkLst>
            <pc:docMk/>
            <pc:sldMk cId="4273431410" sldId="786"/>
            <ac:spMk id="6" creationId="{08D9174E-4CE6-5003-5B5F-E3FE6CBD45A1}"/>
          </ac:spMkLst>
        </pc:spChg>
        <pc:spChg chg="add del mod">
          <ac:chgData name="Bergfjord, Maria" userId="03ef0e1f-1f2e-474f-a77a-eb3d58cc04bd" providerId="ADAL" clId="{9B9CAF8D-8B5A-45FB-838C-EE92B5313090}" dt="2025-06-11T18:04:06.793" v="4623" actId="478"/>
          <ac:spMkLst>
            <pc:docMk/>
            <pc:sldMk cId="4273431410" sldId="786"/>
            <ac:spMk id="8" creationId="{85DEFA6F-2672-533E-6BB1-59EC0C9FB6E8}"/>
          </ac:spMkLst>
        </pc:spChg>
        <pc:spChg chg="del mod">
          <ac:chgData name="Bergfjord, Maria" userId="03ef0e1f-1f2e-474f-a77a-eb3d58cc04bd" providerId="ADAL" clId="{9B9CAF8D-8B5A-45FB-838C-EE92B5313090}" dt="2025-06-11T12:41:27.051" v="3512" actId="700"/>
          <ac:spMkLst>
            <pc:docMk/>
            <pc:sldMk cId="4273431410" sldId="786"/>
            <ac:spMk id="8" creationId="{A8E5A8E8-F6DD-A124-D0B9-57B05DF445D7}"/>
          </ac:spMkLst>
        </pc:spChg>
        <pc:spChg chg="mod ord">
          <ac:chgData name="Bergfjord, Maria" userId="03ef0e1f-1f2e-474f-a77a-eb3d58cc04bd" providerId="ADAL" clId="{9B9CAF8D-8B5A-45FB-838C-EE92B5313090}" dt="2025-06-11T12:42:10.868" v="3523" actId="1076"/>
          <ac:spMkLst>
            <pc:docMk/>
            <pc:sldMk cId="4273431410" sldId="786"/>
            <ac:spMk id="9" creationId="{AD4BD70F-B634-60CD-467E-FA8CB135026B}"/>
          </ac:spMkLst>
        </pc:spChg>
        <pc:spChg chg="mod ord">
          <ac:chgData name="Bergfjord, Maria" userId="03ef0e1f-1f2e-474f-a77a-eb3d58cc04bd" providerId="ADAL" clId="{9B9CAF8D-8B5A-45FB-838C-EE92B5313090}" dt="2025-06-11T12:42:30.701" v="3527" actId="1076"/>
          <ac:spMkLst>
            <pc:docMk/>
            <pc:sldMk cId="4273431410" sldId="786"/>
            <ac:spMk id="11" creationId="{8DF942B1-940B-3732-C321-7062AF59A81E}"/>
          </ac:spMkLst>
        </pc:spChg>
        <pc:spChg chg="add del mod">
          <ac:chgData name="Bergfjord, Maria" userId="03ef0e1f-1f2e-474f-a77a-eb3d58cc04bd" providerId="ADAL" clId="{9B9CAF8D-8B5A-45FB-838C-EE92B5313090}" dt="2025-06-11T18:04:18.210" v="4630" actId="21"/>
          <ac:spMkLst>
            <pc:docMk/>
            <pc:sldMk cId="4273431410" sldId="786"/>
            <ac:spMk id="14" creationId="{C456459F-4E4F-01F9-1B09-B84A34C0F766}"/>
          </ac:spMkLst>
        </pc:spChg>
        <pc:picChg chg="add del mod">
          <ac:chgData name="Bergfjord, Maria" userId="03ef0e1f-1f2e-474f-a77a-eb3d58cc04bd" providerId="ADAL" clId="{9B9CAF8D-8B5A-45FB-838C-EE92B5313090}" dt="2025-06-11T18:04:07.568" v="4625" actId="931"/>
          <ac:picMkLst>
            <pc:docMk/>
            <pc:sldMk cId="4273431410" sldId="786"/>
            <ac:picMk id="6" creationId="{AEA1B6A6-B445-D5EF-DF9C-2E914DCE8505}"/>
          </ac:picMkLst>
        </pc:picChg>
        <pc:picChg chg="add mod">
          <ac:chgData name="Bergfjord, Maria" userId="03ef0e1f-1f2e-474f-a77a-eb3d58cc04bd" providerId="ADAL" clId="{9B9CAF8D-8B5A-45FB-838C-EE92B5313090}" dt="2025-06-11T18:04:06.246" v="4622" actId="931"/>
          <ac:picMkLst>
            <pc:docMk/>
            <pc:sldMk cId="4273431410" sldId="786"/>
            <ac:picMk id="12" creationId="{01CBE6B5-88E3-1547-56F4-3D6A12372C47}"/>
          </ac:picMkLst>
        </pc:picChg>
        <pc:picChg chg="del">
          <ac:chgData name="Bergfjord, Maria" userId="03ef0e1f-1f2e-474f-a77a-eb3d58cc04bd" providerId="ADAL" clId="{9B9CAF8D-8B5A-45FB-838C-EE92B5313090}" dt="2025-06-11T12:41:21.814" v="3510" actId="478"/>
          <ac:picMkLst>
            <pc:docMk/>
            <pc:sldMk cId="4273431410" sldId="786"/>
            <ac:picMk id="14" creationId="{C2CF9F85-0E45-85D9-1620-9C88F0ABAD5E}"/>
          </ac:picMkLst>
        </pc:picChg>
        <pc:picChg chg="add del mod ord">
          <ac:chgData name="Bergfjord, Maria" userId="03ef0e1f-1f2e-474f-a77a-eb3d58cc04bd" providerId="ADAL" clId="{9B9CAF8D-8B5A-45FB-838C-EE92B5313090}" dt="2025-06-11T18:04:18.210" v="4630" actId="21"/>
          <ac:picMkLst>
            <pc:docMk/>
            <pc:sldMk cId="4273431410" sldId="786"/>
            <ac:picMk id="16" creationId="{FCDF2132-ED32-0622-3020-15EC400B6FB1}"/>
          </ac:picMkLst>
        </pc:picChg>
        <pc:picChg chg="mod ord">
          <ac:chgData name="Bergfjord, Maria" userId="03ef0e1f-1f2e-474f-a77a-eb3d58cc04bd" providerId="ADAL" clId="{9B9CAF8D-8B5A-45FB-838C-EE92B5313090}" dt="2025-06-11T18:04:42.835" v="4635" actId="1076"/>
          <ac:picMkLst>
            <pc:docMk/>
            <pc:sldMk cId="4273431410" sldId="786"/>
            <ac:picMk id="18" creationId="{2160E905-30F5-9809-ADDD-B5F4E4DBC92E}"/>
          </ac:picMkLst>
        </pc:picChg>
      </pc:sldChg>
      <pc:sldChg chg="addSp delSp modSp new del mod chgLayout">
        <pc:chgData name="Bergfjord, Maria" userId="03ef0e1f-1f2e-474f-a77a-eb3d58cc04bd" providerId="ADAL" clId="{9B9CAF8D-8B5A-45FB-838C-EE92B5313090}" dt="2025-06-11T12:43:05.597" v="3534" actId="47"/>
        <pc:sldMkLst>
          <pc:docMk/>
          <pc:sldMk cId="3268347777" sldId="787"/>
        </pc:sldMkLst>
        <pc:spChg chg="del mod ord">
          <ac:chgData name="Bergfjord, Maria" userId="03ef0e1f-1f2e-474f-a77a-eb3d58cc04bd" providerId="ADAL" clId="{9B9CAF8D-8B5A-45FB-838C-EE92B5313090}" dt="2025-06-11T12:25:51.778" v="2908" actId="700"/>
          <ac:spMkLst>
            <pc:docMk/>
            <pc:sldMk cId="3268347777" sldId="787"/>
            <ac:spMk id="2" creationId="{8C1CEC6E-040F-5672-F9D6-E4027594B408}"/>
          </ac:spMkLst>
        </pc:spChg>
        <pc:spChg chg="del mod ord">
          <ac:chgData name="Bergfjord, Maria" userId="03ef0e1f-1f2e-474f-a77a-eb3d58cc04bd" providerId="ADAL" clId="{9B9CAF8D-8B5A-45FB-838C-EE92B5313090}" dt="2025-06-11T12:25:51.778" v="2908" actId="700"/>
          <ac:spMkLst>
            <pc:docMk/>
            <pc:sldMk cId="3268347777" sldId="787"/>
            <ac:spMk id="3" creationId="{6C6A1D44-1293-D359-75A8-08012F19E0B0}"/>
          </ac:spMkLst>
        </pc:spChg>
        <pc:spChg chg="add mod ord">
          <ac:chgData name="Bergfjord, Maria" userId="03ef0e1f-1f2e-474f-a77a-eb3d58cc04bd" providerId="ADAL" clId="{9B9CAF8D-8B5A-45FB-838C-EE92B5313090}" dt="2025-06-11T12:26:07.917" v="2923" actId="20577"/>
          <ac:spMkLst>
            <pc:docMk/>
            <pc:sldMk cId="3268347777" sldId="787"/>
            <ac:spMk id="4" creationId="{A806BC6C-DBEF-0DCB-2941-25B144E3A39D}"/>
          </ac:spMkLst>
        </pc:spChg>
        <pc:spChg chg="add del mod ord">
          <ac:chgData name="Bergfjord, Maria" userId="03ef0e1f-1f2e-474f-a77a-eb3d58cc04bd" providerId="ADAL" clId="{9B9CAF8D-8B5A-45FB-838C-EE92B5313090}" dt="2025-06-11T12:26:26.997" v="2924" actId="931"/>
          <ac:spMkLst>
            <pc:docMk/>
            <pc:sldMk cId="3268347777" sldId="787"/>
            <ac:spMk id="5" creationId="{4F6A648D-A585-A718-E47D-D257EF349214}"/>
          </ac:spMkLst>
        </pc:spChg>
        <pc:picChg chg="add mod">
          <ac:chgData name="Bergfjord, Maria" userId="03ef0e1f-1f2e-474f-a77a-eb3d58cc04bd" providerId="ADAL" clId="{9B9CAF8D-8B5A-45FB-838C-EE92B5313090}" dt="2025-06-11T12:26:36.157" v="2930" actId="1076"/>
          <ac:picMkLst>
            <pc:docMk/>
            <pc:sldMk cId="3268347777" sldId="787"/>
            <ac:picMk id="7" creationId="{768F6874-BD03-3506-8957-2AD37E407F8F}"/>
          </ac:picMkLst>
        </pc:picChg>
      </pc:sldChg>
      <pc:sldChg chg="addSp delSp modSp new mod">
        <pc:chgData name="Bergfjord, Maria" userId="03ef0e1f-1f2e-474f-a77a-eb3d58cc04bd" providerId="ADAL" clId="{9B9CAF8D-8B5A-45FB-838C-EE92B5313090}" dt="2025-06-11T17:46:45.507" v="4598" actId="20577"/>
        <pc:sldMkLst>
          <pc:docMk/>
          <pc:sldMk cId="1613929334" sldId="788"/>
        </pc:sldMkLst>
        <pc:spChg chg="del">
          <ac:chgData name="Bergfjord, Maria" userId="03ef0e1f-1f2e-474f-a77a-eb3d58cc04bd" providerId="ADAL" clId="{9B9CAF8D-8B5A-45FB-838C-EE92B5313090}" dt="2025-06-11T12:27:02.036" v="2932" actId="3680"/>
          <ac:spMkLst>
            <pc:docMk/>
            <pc:sldMk cId="1613929334" sldId="788"/>
            <ac:spMk id="2" creationId="{3066F3CC-B561-94B2-BFA1-EE69B4171B7D}"/>
          </ac:spMkLst>
        </pc:spChg>
        <pc:spChg chg="mod">
          <ac:chgData name="Bergfjord, Maria" userId="03ef0e1f-1f2e-474f-a77a-eb3d58cc04bd" providerId="ADAL" clId="{9B9CAF8D-8B5A-45FB-838C-EE92B5313090}" dt="2025-06-11T12:32:20.069" v="3076"/>
          <ac:spMkLst>
            <pc:docMk/>
            <pc:sldMk cId="1613929334" sldId="788"/>
            <ac:spMk id="3" creationId="{63276415-4DD1-AC6D-FE89-5364D2D40815}"/>
          </ac:spMkLst>
        </pc:spChg>
        <pc:graphicFrameChg chg="add mod ord modGraphic">
          <ac:chgData name="Bergfjord, Maria" userId="03ef0e1f-1f2e-474f-a77a-eb3d58cc04bd" providerId="ADAL" clId="{9B9CAF8D-8B5A-45FB-838C-EE92B5313090}" dt="2025-06-11T17:46:45.507" v="4598" actId="20577"/>
          <ac:graphicFrameMkLst>
            <pc:docMk/>
            <pc:sldMk cId="1613929334" sldId="788"/>
            <ac:graphicFrameMk id="4" creationId="{265608E1-5ECE-664A-C263-4CC99B171303}"/>
          </ac:graphicFrameMkLst>
        </pc:graphicFrameChg>
      </pc:sldChg>
      <pc:sldChg chg="addSp delSp modSp add mod modClrScheme chgLayout">
        <pc:chgData name="Bergfjord, Maria" userId="03ef0e1f-1f2e-474f-a77a-eb3d58cc04bd" providerId="ADAL" clId="{9B9CAF8D-8B5A-45FB-838C-EE92B5313090}" dt="2025-06-11T18:08:01.575" v="4639" actId="700"/>
        <pc:sldMkLst>
          <pc:docMk/>
          <pc:sldMk cId="1904726728" sldId="789"/>
        </pc:sldMkLst>
        <pc:spChg chg="del mod ord">
          <ac:chgData name="Bergfjord, Maria" userId="03ef0e1f-1f2e-474f-a77a-eb3d58cc04bd" providerId="ADAL" clId="{9B9CAF8D-8B5A-45FB-838C-EE92B5313090}" dt="2025-06-11T12:43:43.883" v="3538" actId="700"/>
          <ac:spMkLst>
            <pc:docMk/>
            <pc:sldMk cId="1904726728" sldId="789"/>
            <ac:spMk id="2" creationId="{21DAEF9B-F14D-5B5C-4DE7-32677EF65EBF}"/>
          </ac:spMkLst>
        </pc:spChg>
        <pc:spChg chg="mod ord">
          <ac:chgData name="Bergfjord, Maria" userId="03ef0e1f-1f2e-474f-a77a-eb3d58cc04bd" providerId="ADAL" clId="{9B9CAF8D-8B5A-45FB-838C-EE92B5313090}" dt="2025-06-11T18:08:01.575" v="4639" actId="700"/>
          <ac:spMkLst>
            <pc:docMk/>
            <pc:sldMk cId="1904726728" sldId="789"/>
            <ac:spMk id="3" creationId="{EFE330D8-30A4-29A5-3D1A-2E259FEE2141}"/>
          </ac:spMkLst>
        </pc:spChg>
        <pc:spChg chg="add del mod ord">
          <ac:chgData name="Bergfjord, Maria" userId="03ef0e1f-1f2e-474f-a77a-eb3d58cc04bd" providerId="ADAL" clId="{9B9CAF8D-8B5A-45FB-838C-EE92B5313090}" dt="2025-06-11T12:43:54.050" v="3539" actId="700"/>
          <ac:spMkLst>
            <pc:docMk/>
            <pc:sldMk cId="1904726728" sldId="789"/>
            <ac:spMk id="4" creationId="{BA0ED778-D630-9888-C6F8-1A5B80B240C5}"/>
          </ac:spMkLst>
        </pc:spChg>
        <pc:spChg chg="add del mod ord">
          <ac:chgData name="Bergfjord, Maria" userId="03ef0e1f-1f2e-474f-a77a-eb3d58cc04bd" providerId="ADAL" clId="{9B9CAF8D-8B5A-45FB-838C-EE92B5313090}" dt="2025-06-11T12:43:54.050" v="3539" actId="700"/>
          <ac:spMkLst>
            <pc:docMk/>
            <pc:sldMk cId="1904726728" sldId="789"/>
            <ac:spMk id="5" creationId="{200A1BCF-F489-FE8F-5DF6-05AA7E5C8EF2}"/>
          </ac:spMkLst>
        </pc:spChg>
        <pc:spChg chg="add del mod">
          <ac:chgData name="Bergfjord, Maria" userId="03ef0e1f-1f2e-474f-a77a-eb3d58cc04bd" providerId="ADAL" clId="{9B9CAF8D-8B5A-45FB-838C-EE92B5313090}" dt="2025-06-11T12:50:05.659" v="3708" actId="700"/>
          <ac:spMkLst>
            <pc:docMk/>
            <pc:sldMk cId="1904726728" sldId="789"/>
            <ac:spMk id="7" creationId="{4685AE5D-BAA8-245D-6E22-C833E911681E}"/>
          </ac:spMkLst>
        </pc:spChg>
        <pc:spChg chg="del mod ord">
          <ac:chgData name="Bergfjord, Maria" userId="03ef0e1f-1f2e-474f-a77a-eb3d58cc04bd" providerId="ADAL" clId="{9B9CAF8D-8B5A-45FB-838C-EE92B5313090}" dt="2025-06-11T12:43:43.883" v="3538" actId="700"/>
          <ac:spMkLst>
            <pc:docMk/>
            <pc:sldMk cId="1904726728" sldId="789"/>
            <ac:spMk id="10" creationId="{BBA503F8-6D00-536B-7FAA-252019DD4C4B}"/>
          </ac:spMkLst>
        </pc:spChg>
        <pc:spChg chg="del mod ord">
          <ac:chgData name="Bergfjord, Maria" userId="03ef0e1f-1f2e-474f-a77a-eb3d58cc04bd" providerId="ADAL" clId="{9B9CAF8D-8B5A-45FB-838C-EE92B5313090}" dt="2025-06-11T12:44:17.165" v="3548" actId="3680"/>
          <ac:spMkLst>
            <pc:docMk/>
            <pc:sldMk cId="1904726728" sldId="789"/>
            <ac:spMk id="11" creationId="{271E4DE5-0184-78CA-63A4-E6323C0B81F6}"/>
          </ac:spMkLst>
        </pc:spChg>
        <pc:spChg chg="del mod ord">
          <ac:chgData name="Bergfjord, Maria" userId="03ef0e1f-1f2e-474f-a77a-eb3d58cc04bd" providerId="ADAL" clId="{9B9CAF8D-8B5A-45FB-838C-EE92B5313090}" dt="2025-06-11T12:44:02.683" v="3543" actId="478"/>
          <ac:spMkLst>
            <pc:docMk/>
            <pc:sldMk cId="1904726728" sldId="789"/>
            <ac:spMk id="12" creationId="{57BC6C9C-9D73-32D8-F865-B09A112A9A99}"/>
          </ac:spMkLst>
        </pc:spChg>
        <pc:spChg chg="add del mod">
          <ac:chgData name="Bergfjord, Maria" userId="03ef0e1f-1f2e-474f-a77a-eb3d58cc04bd" providerId="ADAL" clId="{9B9CAF8D-8B5A-45FB-838C-EE92B5313090}" dt="2025-06-11T12:46:34.044" v="3569" actId="3680"/>
          <ac:spMkLst>
            <pc:docMk/>
            <pc:sldMk cId="1904726728" sldId="789"/>
            <ac:spMk id="13" creationId="{AEF9DEF9-BEB3-9EE2-C36E-C0D9B6663AD9}"/>
          </ac:spMkLst>
        </pc:spChg>
        <pc:graphicFrameChg chg="add del mod ord modGraphic">
          <ac:chgData name="Bergfjord, Maria" userId="03ef0e1f-1f2e-474f-a77a-eb3d58cc04bd" providerId="ADAL" clId="{9B9CAF8D-8B5A-45FB-838C-EE92B5313090}" dt="2025-06-11T12:46:18.357" v="3568" actId="478"/>
          <ac:graphicFrameMkLst>
            <pc:docMk/>
            <pc:sldMk cId="1904726728" sldId="789"/>
            <ac:graphicFrameMk id="8" creationId="{07E73A4E-B6DF-4828-2B58-8476877797B1}"/>
          </ac:graphicFrameMkLst>
        </pc:graphicFrameChg>
        <pc:graphicFrameChg chg="add mod ord modGraphic">
          <ac:chgData name="Bergfjord, Maria" userId="03ef0e1f-1f2e-474f-a77a-eb3d58cc04bd" providerId="ADAL" clId="{9B9CAF8D-8B5A-45FB-838C-EE92B5313090}" dt="2025-06-11T18:08:01.575" v="4639" actId="700"/>
          <ac:graphicFrameMkLst>
            <pc:docMk/>
            <pc:sldMk cId="1904726728" sldId="789"/>
            <ac:graphicFrameMk id="14" creationId="{35210C5D-2B38-37CE-571C-543D065D1085}"/>
          </ac:graphicFrameMkLst>
        </pc:graphicFrameChg>
        <pc:picChg chg="del mod ord">
          <ac:chgData name="Bergfjord, Maria" userId="03ef0e1f-1f2e-474f-a77a-eb3d58cc04bd" providerId="ADAL" clId="{9B9CAF8D-8B5A-45FB-838C-EE92B5313090}" dt="2025-06-11T12:43:57.060" v="3541" actId="478"/>
          <ac:picMkLst>
            <pc:docMk/>
            <pc:sldMk cId="1904726728" sldId="789"/>
            <ac:picMk id="15" creationId="{14332E9A-AF34-5101-8AC3-90FF51257A7C}"/>
          </ac:picMkLst>
        </pc:picChg>
        <pc:picChg chg="del mod ord">
          <ac:chgData name="Bergfjord, Maria" userId="03ef0e1f-1f2e-474f-a77a-eb3d58cc04bd" providerId="ADAL" clId="{9B9CAF8D-8B5A-45FB-838C-EE92B5313090}" dt="2025-06-11T12:44:03.989" v="3544" actId="478"/>
          <ac:picMkLst>
            <pc:docMk/>
            <pc:sldMk cId="1904726728" sldId="789"/>
            <ac:picMk id="19" creationId="{FE29C313-4CCA-F177-3A3A-B14C7539E03D}"/>
          </ac:picMkLst>
        </pc:picChg>
      </pc:sldChg>
      <pc:sldChg chg="new del">
        <pc:chgData name="Bergfjord, Maria" userId="03ef0e1f-1f2e-474f-a77a-eb3d58cc04bd" providerId="ADAL" clId="{9B9CAF8D-8B5A-45FB-838C-EE92B5313090}" dt="2025-06-11T12:42:34.846" v="3528" actId="47"/>
        <pc:sldMkLst>
          <pc:docMk/>
          <pc:sldMk cId="4188110514" sldId="789"/>
        </pc:sldMkLst>
      </pc:sldChg>
      <pc:sldChg chg="addSp delSp modSp add del mod">
        <pc:chgData name="Bergfjord, Maria" userId="03ef0e1f-1f2e-474f-a77a-eb3d58cc04bd" providerId="ADAL" clId="{9B9CAF8D-8B5A-45FB-838C-EE92B5313090}" dt="2025-06-11T20:06:46.568" v="5084" actId="20577"/>
        <pc:sldMkLst>
          <pc:docMk/>
          <pc:sldMk cId="2518473372" sldId="790"/>
        </pc:sldMkLst>
        <pc:spChg chg="add del mod">
          <ac:chgData name="Bergfjord, Maria" userId="03ef0e1f-1f2e-474f-a77a-eb3d58cc04bd" providerId="ADAL" clId="{9B9CAF8D-8B5A-45FB-838C-EE92B5313090}" dt="2025-06-11T13:20:08.782" v="4232" actId="3680"/>
          <ac:spMkLst>
            <pc:docMk/>
            <pc:sldMk cId="2518473372" sldId="790"/>
            <ac:spMk id="3" creationId="{8A5C0E92-6C65-5BAC-6A1C-398E5774A59F}"/>
          </ac:spMkLst>
        </pc:spChg>
        <pc:graphicFrameChg chg="add mod ord modGraphic">
          <ac:chgData name="Bergfjord, Maria" userId="03ef0e1f-1f2e-474f-a77a-eb3d58cc04bd" providerId="ADAL" clId="{9B9CAF8D-8B5A-45FB-838C-EE92B5313090}" dt="2025-06-11T20:06:46.568" v="5084" actId="20577"/>
          <ac:graphicFrameMkLst>
            <pc:docMk/>
            <pc:sldMk cId="2518473372" sldId="790"/>
            <ac:graphicFrameMk id="4" creationId="{7CF1F422-BE01-4D59-B6B2-486F9FDBA2B6}"/>
          </ac:graphicFrameMkLst>
        </pc:graphicFrameChg>
        <pc:picChg chg="del">
          <ac:chgData name="Bergfjord, Maria" userId="03ef0e1f-1f2e-474f-a77a-eb3d58cc04bd" providerId="ADAL" clId="{9B9CAF8D-8B5A-45FB-838C-EE92B5313090}" dt="2025-06-11T13:19:52.533" v="4231" actId="478"/>
          <ac:picMkLst>
            <pc:docMk/>
            <pc:sldMk cId="2518473372" sldId="790"/>
            <ac:picMk id="14" creationId="{5F354C0C-65BD-FBAD-92F2-AC76BCA83032}"/>
          </ac:picMkLst>
        </pc:picChg>
      </pc:sldChg>
      <pc:sldChg chg="addSp delSp modSp add mod">
        <pc:chgData name="Bergfjord, Maria" userId="03ef0e1f-1f2e-474f-a77a-eb3d58cc04bd" providerId="ADAL" clId="{9B9CAF8D-8B5A-45FB-838C-EE92B5313090}" dt="2025-06-12T05:42:39.149" v="5095" actId="14100"/>
        <pc:sldMkLst>
          <pc:docMk/>
          <pc:sldMk cId="3273215262" sldId="791"/>
        </pc:sldMkLst>
        <pc:spChg chg="add del mod">
          <ac:chgData name="Bergfjord, Maria" userId="03ef0e1f-1f2e-474f-a77a-eb3d58cc04bd" providerId="ADAL" clId="{9B9CAF8D-8B5A-45FB-838C-EE92B5313090}" dt="2025-06-11T18:04:31.705" v="4633" actId="478"/>
          <ac:spMkLst>
            <pc:docMk/>
            <pc:sldMk cId="3273215262" sldId="791"/>
            <ac:spMk id="3" creationId="{C9ECD031-9BB1-BF2D-36E8-0D605EC546C0}"/>
          </ac:spMkLst>
        </pc:spChg>
        <pc:picChg chg="add del mod">
          <ac:chgData name="Bergfjord, Maria" userId="03ef0e1f-1f2e-474f-a77a-eb3d58cc04bd" providerId="ADAL" clId="{9B9CAF8D-8B5A-45FB-838C-EE92B5313090}" dt="2025-06-12T05:42:39.149" v="5095" actId="14100"/>
          <ac:picMkLst>
            <pc:docMk/>
            <pc:sldMk cId="3273215262" sldId="791"/>
            <ac:picMk id="16" creationId="{A5DC5F56-7656-F29F-56EB-88037FFE1399}"/>
          </ac:picMkLst>
        </pc:picChg>
        <pc:picChg chg="mod">
          <ac:chgData name="Bergfjord, Maria" userId="03ef0e1f-1f2e-474f-a77a-eb3d58cc04bd" providerId="ADAL" clId="{9B9CAF8D-8B5A-45FB-838C-EE92B5313090}" dt="2025-06-11T18:04:48.797" v="4636" actId="14826"/>
          <ac:picMkLst>
            <pc:docMk/>
            <pc:sldMk cId="3273215262" sldId="791"/>
            <ac:picMk id="18" creationId="{40519ACF-9F59-6B1E-2280-48F4225C295C}"/>
          </ac:picMkLst>
        </pc:picChg>
      </pc:sldChg>
      <pc:sldChg chg="modSp new mod ord">
        <pc:chgData name="Bergfjord, Maria" userId="03ef0e1f-1f2e-474f-a77a-eb3d58cc04bd" providerId="ADAL" clId="{9B9CAF8D-8B5A-45FB-838C-EE92B5313090}" dt="2025-06-11T19:55:13.570" v="5065"/>
        <pc:sldMkLst>
          <pc:docMk/>
          <pc:sldMk cId="1155087027" sldId="792"/>
        </pc:sldMkLst>
        <pc:spChg chg="mod">
          <ac:chgData name="Bergfjord, Maria" userId="03ef0e1f-1f2e-474f-a77a-eb3d58cc04bd" providerId="ADAL" clId="{9B9CAF8D-8B5A-45FB-838C-EE92B5313090}" dt="2025-06-11T19:33:07.899" v="4858" actId="20577"/>
          <ac:spMkLst>
            <pc:docMk/>
            <pc:sldMk cId="1155087027" sldId="792"/>
            <ac:spMk id="2" creationId="{5F0E6747-E01A-7EE2-E81F-C8B1AF10123F}"/>
          </ac:spMkLst>
        </pc:spChg>
        <pc:spChg chg="mod">
          <ac:chgData name="Bergfjord, Maria" userId="03ef0e1f-1f2e-474f-a77a-eb3d58cc04bd" providerId="ADAL" clId="{9B9CAF8D-8B5A-45FB-838C-EE92B5313090}" dt="2025-06-11T18:08:27.088" v="4641"/>
          <ac:spMkLst>
            <pc:docMk/>
            <pc:sldMk cId="1155087027" sldId="792"/>
            <ac:spMk id="3" creationId="{6A589798-5E53-7399-4E5B-597501339E3F}"/>
          </ac:spMkLst>
        </pc:spChg>
      </pc:sldChg>
      <pc:sldChg chg="addSp delSp modSp new mod">
        <pc:chgData name="Bergfjord, Maria" userId="03ef0e1f-1f2e-474f-a77a-eb3d58cc04bd" providerId="ADAL" clId="{9B9CAF8D-8B5A-45FB-838C-EE92B5313090}" dt="2025-06-11T18:42:26.339" v="4707" actId="27614"/>
        <pc:sldMkLst>
          <pc:docMk/>
          <pc:sldMk cId="4256955467" sldId="793"/>
        </pc:sldMkLst>
        <pc:spChg chg="mod">
          <ac:chgData name="Bergfjord, Maria" userId="03ef0e1f-1f2e-474f-a77a-eb3d58cc04bd" providerId="ADAL" clId="{9B9CAF8D-8B5A-45FB-838C-EE92B5313090}" dt="2025-06-11T18:42:15.444" v="4705" actId="255"/>
          <ac:spMkLst>
            <pc:docMk/>
            <pc:sldMk cId="4256955467" sldId="793"/>
            <ac:spMk id="2" creationId="{2F63A5F3-16E7-2543-0D70-DD79D062C7A3}"/>
          </ac:spMkLst>
        </pc:spChg>
        <pc:spChg chg="del">
          <ac:chgData name="Bergfjord, Maria" userId="03ef0e1f-1f2e-474f-a77a-eb3d58cc04bd" providerId="ADAL" clId="{9B9CAF8D-8B5A-45FB-838C-EE92B5313090}" dt="2025-06-11T18:42:24.294" v="4706" actId="931"/>
          <ac:spMkLst>
            <pc:docMk/>
            <pc:sldMk cId="4256955467" sldId="793"/>
            <ac:spMk id="3" creationId="{678ABBCC-E9CD-76BD-E50E-39CA282E37CE}"/>
          </ac:spMkLst>
        </pc:spChg>
        <pc:spChg chg="mod">
          <ac:chgData name="Bergfjord, Maria" userId="03ef0e1f-1f2e-474f-a77a-eb3d58cc04bd" providerId="ADAL" clId="{9B9CAF8D-8B5A-45FB-838C-EE92B5313090}" dt="2025-06-11T18:42:00.897" v="4703"/>
          <ac:spMkLst>
            <pc:docMk/>
            <pc:sldMk cId="4256955467" sldId="793"/>
            <ac:spMk id="4" creationId="{EC5C475C-296F-D551-763C-4A1DF5352842}"/>
          </ac:spMkLst>
        </pc:spChg>
        <pc:picChg chg="add mod">
          <ac:chgData name="Bergfjord, Maria" userId="03ef0e1f-1f2e-474f-a77a-eb3d58cc04bd" providerId="ADAL" clId="{9B9CAF8D-8B5A-45FB-838C-EE92B5313090}" dt="2025-06-11T18:42:26.339" v="4707" actId="27614"/>
          <ac:picMkLst>
            <pc:docMk/>
            <pc:sldMk cId="4256955467" sldId="793"/>
            <ac:picMk id="6" creationId="{D4FCE603-CB47-92C9-71A0-18A3E31AD039}"/>
          </ac:picMkLst>
        </pc:pic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opptekst 1">
            <a:extLst>
              <a:ext uri="{FF2B5EF4-FFF2-40B4-BE49-F238E27FC236}">
                <a16:creationId xmlns:a16="http://schemas.microsoft.com/office/drawing/2014/main" id="{32BD2FCB-B698-0747-84C6-12515052DDBB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1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Plassholder for dato 2">
            <a:extLst>
              <a:ext uri="{FF2B5EF4-FFF2-40B4-BE49-F238E27FC236}">
                <a16:creationId xmlns:a16="http://schemas.microsoft.com/office/drawing/2014/main" id="{608E1855-192A-D3E0-75F5-F55FBBA5A4A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1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83C12FF-7573-8C41-9EF4-73F89A40CD1A}" type="datetimeFigureOut">
              <a:rPr lang="nb-NO" smtClean="0"/>
              <a:t>12.06.2025</a:t>
            </a:fld>
            <a:endParaRPr lang="nb-NO"/>
          </a:p>
        </p:txBody>
      </p:sp>
      <p:sp>
        <p:nvSpPr>
          <p:cNvPr id="4" name="Plassholder for bunntekst 3">
            <a:extLst>
              <a:ext uri="{FF2B5EF4-FFF2-40B4-BE49-F238E27FC236}">
                <a16:creationId xmlns:a16="http://schemas.microsoft.com/office/drawing/2014/main" id="{4C97F658-75F6-7B7E-00EC-54EAE2DF4882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61F96837-E34F-E356-59D5-4564EDFC1A2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FF2762E-8F8F-1F42-A3C9-9D9F514B0A5B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466665030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opptekst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Plassholder for dato 2"/>
          <p:cNvSpPr>
            <a:spLocks noGrp="1"/>
          </p:cNvSpPr>
          <p:nvPr>
            <p:ph type="dt" idx="1"/>
          </p:nvPr>
        </p:nvSpPr>
        <p:spPr>
          <a:xfrm>
            <a:off x="3884613" y="1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B1D4F78-F281-8042-AD85-C84EAD80BF7D}" type="datetimeFigureOut">
              <a:rPr lang="nb-NO" smtClean="0"/>
              <a:t>12.06.2025</a:t>
            </a:fld>
            <a:endParaRPr lang="nb-NO"/>
          </a:p>
        </p:txBody>
      </p:sp>
      <p:sp>
        <p:nvSpPr>
          <p:cNvPr id="4" name="Plassholder for lysbil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b-NO"/>
          </a:p>
        </p:txBody>
      </p:sp>
      <p:sp>
        <p:nvSpPr>
          <p:cNvPr id="5" name="Plassholder for notater 4"/>
          <p:cNvSpPr>
            <a:spLocks noGrp="1"/>
          </p:cNvSpPr>
          <p:nvPr>
            <p:ph type="body" sz="quarter" idx="3"/>
          </p:nvPr>
        </p:nvSpPr>
        <p:spPr>
          <a:xfrm>
            <a:off x="685800" y="4400549"/>
            <a:ext cx="5486400" cy="3600451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sp>
        <p:nvSpPr>
          <p:cNvPr id="6" name="Plassholder for bunn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7" name="Plassholder for lysbil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41E118F-A4EB-D54B-BED6-A62AD6EB128C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93819305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pn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png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3.emf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6.png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6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7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7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7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8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8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8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8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8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/Relationships>
</file>

<file path=ppt/slideLayouts/_rels/slideLayout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/Relationships>
</file>

<file path=ppt/slideLayouts/_rels/slideLayout8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/Relationships>
</file>

<file path=ppt/slideLayouts/_rels/slideLayout9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_rels/slideLayout9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forsi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lassholder for bilde 7">
            <a:extLst>
              <a:ext uri="{FF2B5EF4-FFF2-40B4-BE49-F238E27FC236}">
                <a16:creationId xmlns:a16="http://schemas.microsoft.com/office/drawing/2014/main" id="{9C341B83-C3EE-BDE8-2180-BBE0D841113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2913" b="12913"/>
          <a:stretch/>
        </p:blipFill>
        <p:spPr>
          <a:xfrm>
            <a:off x="838199" y="818284"/>
            <a:ext cx="10511434" cy="5219602"/>
          </a:xfrm>
          <a:custGeom>
            <a:avLst/>
            <a:gdLst>
              <a:gd name="connsiteX0" fmla="*/ 224033 w 10509274"/>
              <a:gd name="connsiteY0" fmla="*/ 0 h 5218477"/>
              <a:gd name="connsiteX1" fmla="*/ 7150832 w 10509274"/>
              <a:gd name="connsiteY1" fmla="*/ 0 h 5218477"/>
              <a:gd name="connsiteX2" fmla="*/ 7374864 w 10509274"/>
              <a:gd name="connsiteY2" fmla="*/ 223995 h 5218477"/>
              <a:gd name="connsiteX3" fmla="*/ 7374864 w 10509274"/>
              <a:gd name="connsiteY3" fmla="*/ 930750 h 5218477"/>
              <a:gd name="connsiteX4" fmla="*/ 7791002 w 10509274"/>
              <a:gd name="connsiteY4" fmla="*/ 1046013 h 5218477"/>
              <a:gd name="connsiteX5" fmla="*/ 8353456 w 10509274"/>
              <a:gd name="connsiteY5" fmla="*/ 108731 h 5218477"/>
              <a:gd name="connsiteX6" fmla="*/ 8545559 w 10509274"/>
              <a:gd name="connsiteY6" fmla="*/ 0 h 5218477"/>
              <a:gd name="connsiteX7" fmla="*/ 10285240 w 10509274"/>
              <a:gd name="connsiteY7" fmla="*/ 0 h 5218477"/>
              <a:gd name="connsiteX8" fmla="*/ 10509274 w 10509274"/>
              <a:gd name="connsiteY8" fmla="*/ 223995 h 5218477"/>
              <a:gd name="connsiteX9" fmla="*/ 10509274 w 10509274"/>
              <a:gd name="connsiteY9" fmla="*/ 3416822 h 5218477"/>
              <a:gd name="connsiteX10" fmla="*/ 10477186 w 10509274"/>
              <a:gd name="connsiteY10" fmla="*/ 3532297 h 5218477"/>
              <a:gd name="connsiteX11" fmla="*/ 9527890 w 10509274"/>
              <a:gd name="connsiteY11" fmla="*/ 5109956 h 5218477"/>
              <a:gd name="connsiteX12" fmla="*/ 9335945 w 10509274"/>
              <a:gd name="connsiteY12" fmla="*/ 5218477 h 5218477"/>
              <a:gd name="connsiteX13" fmla="*/ 224033 w 10509274"/>
              <a:gd name="connsiteY13" fmla="*/ 5218477 h 5218477"/>
              <a:gd name="connsiteX14" fmla="*/ 0 w 10509274"/>
              <a:gd name="connsiteY14" fmla="*/ 4994482 h 5218477"/>
              <a:gd name="connsiteX15" fmla="*/ 0 w 10509274"/>
              <a:gd name="connsiteY15" fmla="*/ 223995 h 5218477"/>
              <a:gd name="connsiteX16" fmla="*/ 224033 w 10509274"/>
              <a:gd name="connsiteY16" fmla="*/ 0 h 521847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0509274" h="5218477">
                <a:moveTo>
                  <a:pt x="224033" y="0"/>
                </a:moveTo>
                <a:lnTo>
                  <a:pt x="7150832" y="0"/>
                </a:lnTo>
                <a:cubicBezTo>
                  <a:pt x="7274545" y="0"/>
                  <a:pt x="7374864" y="100303"/>
                  <a:pt x="7374864" y="223995"/>
                </a:cubicBezTo>
                <a:lnTo>
                  <a:pt x="7374864" y="930750"/>
                </a:lnTo>
                <a:cubicBezTo>
                  <a:pt x="7374864" y="1157958"/>
                  <a:pt x="7674085" y="1240824"/>
                  <a:pt x="7791002" y="1046013"/>
                </a:cubicBezTo>
                <a:lnTo>
                  <a:pt x="8353456" y="108731"/>
                </a:lnTo>
                <a:cubicBezTo>
                  <a:pt x="8393920" y="41301"/>
                  <a:pt x="8466841" y="0"/>
                  <a:pt x="8545559" y="0"/>
                </a:cubicBezTo>
                <a:lnTo>
                  <a:pt x="10285240" y="0"/>
                </a:lnTo>
                <a:cubicBezTo>
                  <a:pt x="10408954" y="0"/>
                  <a:pt x="10509274" y="100303"/>
                  <a:pt x="10509274" y="223995"/>
                </a:cubicBezTo>
                <a:lnTo>
                  <a:pt x="10509274" y="3416822"/>
                </a:lnTo>
                <a:cubicBezTo>
                  <a:pt x="10509274" y="3457491"/>
                  <a:pt x="10498156" y="3497423"/>
                  <a:pt x="10477186" y="3532297"/>
                </a:cubicBezTo>
                <a:lnTo>
                  <a:pt x="9527890" y="5109956"/>
                </a:lnTo>
                <a:cubicBezTo>
                  <a:pt x="9487373" y="5177281"/>
                  <a:pt x="9414556" y="5218477"/>
                  <a:pt x="9335945" y="5218477"/>
                </a:cubicBezTo>
                <a:lnTo>
                  <a:pt x="224033" y="5218477"/>
                </a:lnTo>
                <a:cubicBezTo>
                  <a:pt x="100320" y="5218477"/>
                  <a:pt x="0" y="5118174"/>
                  <a:pt x="0" y="4994482"/>
                </a:cubicBezTo>
                <a:lnTo>
                  <a:pt x="0" y="223995"/>
                </a:lnTo>
                <a:cubicBezTo>
                  <a:pt x="0" y="100303"/>
                  <a:pt x="100320" y="0"/>
                  <a:pt x="224033" y="0"/>
                </a:cubicBezTo>
                <a:close/>
              </a:path>
            </a:pathLst>
          </a:custGeom>
        </p:spPr>
      </p:pic>
      <p:sp>
        <p:nvSpPr>
          <p:cNvPr id="3" name="Rektangel 1">
            <a:extLst>
              <a:ext uri="{FF2B5EF4-FFF2-40B4-BE49-F238E27FC236}">
                <a16:creationId xmlns:a16="http://schemas.microsoft.com/office/drawing/2014/main" id="{D2B110BE-E7FF-3F9A-C7CE-8945B51DDB4A}"/>
              </a:ext>
            </a:extLst>
          </p:cNvPr>
          <p:cNvSpPr/>
          <p:nvPr userDrawn="1"/>
        </p:nvSpPr>
        <p:spPr>
          <a:xfrm rot="5400000" flipV="1">
            <a:off x="692328" y="-457198"/>
            <a:ext cx="6858003" cy="7772400"/>
          </a:xfrm>
          <a:prstGeom prst="rect">
            <a:avLst/>
          </a:prstGeom>
          <a:gradFill>
            <a:gsLst>
              <a:gs pos="0">
                <a:schemeClr val="tx1"/>
              </a:gs>
              <a:gs pos="99000">
                <a:schemeClr val="tx1">
                  <a:alpha val="0"/>
                </a:schemeClr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1800" b="0" i="0" u="none" strike="noStrike" kern="1200" cap="none" spc="0" normalizeH="0" baseline="0" noProof="0">
              <a:ln>
                <a:noFill/>
              </a:ln>
              <a:solidFill>
                <a:srgbClr val="E8E3E2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4" name="Bilde 1">
            <a:extLst>
              <a:ext uri="{FF2B5EF4-FFF2-40B4-BE49-F238E27FC236}">
                <a16:creationId xmlns:a16="http://schemas.microsoft.com/office/drawing/2014/main" id="{7B9AE7EB-A0D7-11BC-8BF0-9B362A1E9D13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20648" y="985723"/>
            <a:ext cx="5058047" cy="1675899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F3ED505F-107C-591B-4379-C2CEF2AC9316}"/>
              </a:ext>
            </a:extLst>
          </p:cNvPr>
          <p:cNvSpPr txBox="1"/>
          <p:nvPr userDrawn="1"/>
        </p:nvSpPr>
        <p:spPr>
          <a:xfrm>
            <a:off x="6446848" y="5927625"/>
            <a:ext cx="3802325" cy="92333"/>
          </a:xfrm>
          <a:prstGeom prst="rect">
            <a:avLst/>
          </a:prstGeom>
          <a:noFill/>
        </p:spPr>
        <p:txBody>
          <a:bodyPr wrap="square" lIns="36000" tIns="0" rIns="36000" bIns="0" rtlCol="0">
            <a:spAutoFit/>
          </a:bodyPr>
          <a:lstStyle/>
          <a:p>
            <a:pPr algn="r"/>
            <a:r>
              <a:rPr lang="nb-NO" sz="600" i="1" dirty="0">
                <a:solidFill>
                  <a:schemeClr val="bg1"/>
                </a:solidFill>
              </a:rPr>
              <a:t>Håhammeren bro og turvei | Foto: Jo Gaute Fornes</a:t>
            </a:r>
          </a:p>
        </p:txBody>
      </p:sp>
      <p:pic>
        <p:nvPicPr>
          <p:cNvPr id="41" name="Bilde 40">
            <a:extLst>
              <a:ext uri="{FF2B5EF4-FFF2-40B4-BE49-F238E27FC236}">
                <a16:creationId xmlns:a16="http://schemas.microsoft.com/office/drawing/2014/main" id="{59A61231-5D90-F084-BD09-FB9296AC37C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6" name="Tittel 1">
            <a:extLst>
              <a:ext uri="{FF2B5EF4-FFF2-40B4-BE49-F238E27FC236}">
                <a16:creationId xmlns:a16="http://schemas.microsoft.com/office/drawing/2014/main" id="{0C1F6C9E-B0CD-409B-F148-6576A0F8E1C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199" y="2729878"/>
            <a:ext cx="10477501" cy="2278517"/>
          </a:xfrm>
        </p:spPr>
        <p:txBody>
          <a:bodyPr anchor="b">
            <a:noAutofit/>
          </a:bodyPr>
          <a:lstStyle>
            <a:lvl1pPr algn="l">
              <a:defRPr sz="54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7" name="Undertittel 2">
            <a:extLst>
              <a:ext uri="{FF2B5EF4-FFF2-40B4-BE49-F238E27FC236}">
                <a16:creationId xmlns:a16="http://schemas.microsoft.com/office/drawing/2014/main" id="{6D6F5A4C-18AF-E7F9-DEC3-99EF60A76A9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199" y="5123507"/>
            <a:ext cx="10477500" cy="918000"/>
          </a:xfrm>
        </p:spPr>
        <p:txBody>
          <a:bodyPr>
            <a:noAutofit/>
          </a:bodyPr>
          <a:lstStyle>
            <a:lvl1pPr marL="0" indent="0" algn="l">
              <a:buNone/>
              <a:defRPr sz="20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her for å redigere undertittel</a:t>
            </a:r>
          </a:p>
        </p:txBody>
      </p:sp>
    </p:spTree>
    <p:extLst>
      <p:ext uri="{BB962C8B-B14F-4D97-AF65-F5344CB8AC3E}">
        <p14:creationId xmlns:p14="http://schemas.microsoft.com/office/powerpoint/2010/main" val="11691583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llomslid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38199" y="827690"/>
            <a:ext cx="4971402" cy="1648421"/>
          </a:xfrm>
        </p:spPr>
        <p:txBody>
          <a:bodyPr anchor="b">
            <a:noAutofit/>
          </a:bodyPr>
          <a:lstStyle>
            <a:lvl1pPr algn="l">
              <a:defRPr sz="44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199" y="2620149"/>
            <a:ext cx="4971402" cy="3419792"/>
          </a:xfrm>
        </p:spPr>
        <p:txBody>
          <a:bodyPr>
            <a:noAutofit/>
          </a:bodyPr>
          <a:lstStyle>
            <a:lvl1pPr marL="0" indent="0" algn="l">
              <a:buNone/>
              <a:defRPr sz="20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her for å redigere undertittel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DCFC6F05-CC25-3847-DE7E-E810DF531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8" name="Bilde 7">
            <a:extLst>
              <a:ext uri="{FF2B5EF4-FFF2-40B4-BE49-F238E27FC236}">
                <a16:creationId xmlns:a16="http://schemas.microsoft.com/office/drawing/2014/main" id="{549FC9F5-99DD-1F7B-8314-12867514399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D2F217D4-8B90-9CD5-3D8D-40CACBBD69C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139543" y="827690"/>
            <a:ext cx="5212251" cy="5212251"/>
          </a:xfrm>
          <a:custGeom>
            <a:avLst/>
            <a:gdLst>
              <a:gd name="connsiteX0" fmla="*/ 1115078 w 4971402"/>
              <a:gd name="connsiteY0" fmla="*/ 0 h 4971402"/>
              <a:gd name="connsiteX1" fmla="*/ 4758012 w 4971402"/>
              <a:gd name="connsiteY1" fmla="*/ 0 h 4971402"/>
              <a:gd name="connsiteX2" fmla="*/ 4971402 w 4971402"/>
              <a:gd name="connsiteY2" fmla="*/ 213390 h 4971402"/>
              <a:gd name="connsiteX3" fmla="*/ 4971402 w 4971402"/>
              <a:gd name="connsiteY3" fmla="*/ 4758012 h 4971402"/>
              <a:gd name="connsiteX4" fmla="*/ 4758012 w 4971402"/>
              <a:gd name="connsiteY4" fmla="*/ 4971402 h 4971402"/>
              <a:gd name="connsiteX5" fmla="*/ 2201951 w 4971402"/>
              <a:gd name="connsiteY5" fmla="*/ 4971402 h 4971402"/>
              <a:gd name="connsiteX6" fmla="*/ 1988561 w 4971402"/>
              <a:gd name="connsiteY6" fmla="*/ 4758012 h 4971402"/>
              <a:gd name="connsiteX7" fmla="*/ 1988561 w 4971402"/>
              <a:gd name="connsiteY7" fmla="*/ 4084669 h 4971402"/>
              <a:gd name="connsiteX8" fmla="*/ 1592194 w 4971402"/>
              <a:gd name="connsiteY8" fmla="*/ 3974863 h 4971402"/>
              <a:gd name="connsiteX9" fmla="*/ 1056461 w 4971402"/>
              <a:gd name="connsiteY9" fmla="*/ 4867768 h 4971402"/>
              <a:gd name="connsiteX10" fmla="*/ 873483 w 4971402"/>
              <a:gd name="connsiteY10" fmla="*/ 4971352 h 4971402"/>
              <a:gd name="connsiteX11" fmla="*/ 213390 w 4971402"/>
              <a:gd name="connsiteY11" fmla="*/ 4971352 h 4971402"/>
              <a:gd name="connsiteX12" fmla="*/ 0 w 4971402"/>
              <a:gd name="connsiteY12" fmla="*/ 4757962 h 4971402"/>
              <a:gd name="connsiteX13" fmla="*/ 0 w 4971402"/>
              <a:gd name="connsiteY13" fmla="*/ 1716253 h 4971402"/>
              <a:gd name="connsiteX14" fmla="*/ 30413 w 4971402"/>
              <a:gd name="connsiteY14" fmla="*/ 1606446 h 4971402"/>
              <a:gd name="connsiteX15" fmla="*/ 932100 w 4971402"/>
              <a:gd name="connsiteY15" fmla="*/ 103583 h 4971402"/>
              <a:gd name="connsiteX16" fmla="*/ 1115078 w 4971402"/>
              <a:gd name="connsiteY16" fmla="*/ 0 h 49714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4971402" h="4971402">
                <a:moveTo>
                  <a:pt x="1115078" y="0"/>
                </a:moveTo>
                <a:lnTo>
                  <a:pt x="4758012" y="0"/>
                </a:lnTo>
                <a:cubicBezTo>
                  <a:pt x="4875848" y="0"/>
                  <a:pt x="4971402" y="95554"/>
                  <a:pt x="4971402" y="213390"/>
                </a:cubicBezTo>
                <a:lnTo>
                  <a:pt x="4971402" y="4758012"/>
                </a:lnTo>
                <a:cubicBezTo>
                  <a:pt x="4971402" y="4875848"/>
                  <a:pt x="4875848" y="4971402"/>
                  <a:pt x="4758012" y="4971402"/>
                </a:cubicBezTo>
                <a:lnTo>
                  <a:pt x="2201951" y="4971402"/>
                </a:lnTo>
                <a:cubicBezTo>
                  <a:pt x="2084114" y="4971402"/>
                  <a:pt x="1988561" y="4875848"/>
                  <a:pt x="1988561" y="4758012"/>
                </a:cubicBezTo>
                <a:lnTo>
                  <a:pt x="1988561" y="4084669"/>
                </a:lnTo>
                <a:cubicBezTo>
                  <a:pt x="1988561" y="3868268"/>
                  <a:pt x="1703556" y="3789276"/>
                  <a:pt x="1592194" y="3974863"/>
                </a:cubicBezTo>
                <a:lnTo>
                  <a:pt x="1056461" y="4867768"/>
                </a:lnTo>
                <a:cubicBezTo>
                  <a:pt x="1017918" y="4932056"/>
                  <a:pt x="948461" y="4971352"/>
                  <a:pt x="873483" y="4971352"/>
                </a:cubicBezTo>
                <a:lnTo>
                  <a:pt x="213390" y="4971352"/>
                </a:lnTo>
                <a:cubicBezTo>
                  <a:pt x="95554" y="4971352"/>
                  <a:pt x="0" y="4875798"/>
                  <a:pt x="0" y="4757962"/>
                </a:cubicBezTo>
                <a:lnTo>
                  <a:pt x="0" y="1716253"/>
                </a:lnTo>
                <a:cubicBezTo>
                  <a:pt x="0" y="1677559"/>
                  <a:pt x="10489" y="1639619"/>
                  <a:pt x="30413" y="1606446"/>
                </a:cubicBezTo>
                <a:lnTo>
                  <a:pt x="932100" y="103583"/>
                </a:lnTo>
                <a:cubicBezTo>
                  <a:pt x="970693" y="39346"/>
                  <a:pt x="1040150" y="0"/>
                  <a:pt x="1115078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603687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DA068950-0913-7A99-7DBF-9B59DC6D1B9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38200" y="1440000"/>
            <a:ext cx="10515600" cy="4606078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5764516E-1D78-40C4-7AF8-F3A34FDF10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C94B3E6E-374B-B8F0-0E98-7986167B30F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E62D2E84-2EE0-2425-2083-C2BA543CE0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417789400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Teks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345AB583-F51C-0E51-DBB0-B36D421888CC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838200" y="1440000"/>
            <a:ext cx="5181600" cy="4608000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92ACDFFE-3ED9-C522-5AB0-FCEDCB2ABD9B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72202" y="1439999"/>
            <a:ext cx="5181600" cy="4608000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5" name="Bilde 4">
            <a:extLst>
              <a:ext uri="{FF2B5EF4-FFF2-40B4-BE49-F238E27FC236}">
                <a16:creationId xmlns:a16="http://schemas.microsoft.com/office/drawing/2014/main" id="{AD6CB6D7-5FB2-7F4D-F7DF-5195995C97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2" name="Bilde 1">
            <a:extLst>
              <a:ext uri="{FF2B5EF4-FFF2-40B4-BE49-F238E27FC236}">
                <a16:creationId xmlns:a16="http://schemas.microsoft.com/office/drawing/2014/main" id="{D683C321-F790-C67D-ADA7-A9FAA6814C8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EF9407F4-8CF5-7104-6DC5-AEBB2C8532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185206748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8" y="1439999"/>
            <a:ext cx="3380399" cy="720000"/>
          </a:xfrm>
        </p:spPr>
        <p:txBody>
          <a:bodyPr tIns="0" bIns="0" anchor="b">
            <a:noAutofit/>
          </a:bodyPr>
          <a:lstStyle>
            <a:lvl1pPr marL="0" indent="0">
              <a:spcBef>
                <a:spcPts val="0"/>
              </a:spcBef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4584D2C2-3047-F5B1-9469-B34CB1CAA8D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2268000"/>
            <a:ext cx="3380400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4405799" y="1439999"/>
            <a:ext cx="3380399" cy="720000"/>
          </a:xfrm>
        </p:spPr>
        <p:txBody>
          <a:bodyPr tIns="0" bIns="0" anchor="b">
            <a:noAutofit/>
          </a:bodyPr>
          <a:lstStyle>
            <a:lvl1pPr marL="0" indent="0">
              <a:spcBef>
                <a:spcPts val="0"/>
              </a:spcBef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2" name="Plassholder for innhold 3">
            <a:extLst>
              <a:ext uri="{FF2B5EF4-FFF2-40B4-BE49-F238E27FC236}">
                <a16:creationId xmlns:a16="http://schemas.microsoft.com/office/drawing/2014/main" id="{03BCF634-F098-4E9B-362B-BEC149EF681E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405800" y="2268000"/>
            <a:ext cx="3380400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7971810" y="1439999"/>
            <a:ext cx="3380403" cy="720000"/>
          </a:xfrm>
        </p:spPr>
        <p:txBody>
          <a:bodyPr tIns="0" bIns="0" anchor="b">
            <a:noAutofit/>
          </a:bodyPr>
          <a:lstStyle>
            <a:lvl1pPr marL="0" indent="0">
              <a:spcBef>
                <a:spcPts val="0"/>
              </a:spcBef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4" name="Plassholder for innhold 3">
            <a:extLst>
              <a:ext uri="{FF2B5EF4-FFF2-40B4-BE49-F238E27FC236}">
                <a16:creationId xmlns:a16="http://schemas.microsoft.com/office/drawing/2014/main" id="{ACFE2AC3-F6C8-83B5-11BA-7BC0E59E0F94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7971811" y="2269050"/>
            <a:ext cx="3380400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CB5DEFFC-D7C4-6B35-6CEB-9E471EACDB7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17" name="Tittel 1">
            <a:extLst>
              <a:ext uri="{FF2B5EF4-FFF2-40B4-BE49-F238E27FC236}">
                <a16:creationId xmlns:a16="http://schemas.microsoft.com/office/drawing/2014/main" id="{EA38931D-06A2-48E6-C97B-2E88EEC47DB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311935494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Teks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9" name="Plassholder for innhold 3">
            <a:extLst>
              <a:ext uri="{FF2B5EF4-FFF2-40B4-BE49-F238E27FC236}">
                <a16:creationId xmlns:a16="http://schemas.microsoft.com/office/drawing/2014/main" id="{388CF389-7C8D-EEA1-31B4-55442084B28E}"/>
              </a:ext>
            </a:extLst>
          </p:cNvPr>
          <p:cNvSpPr>
            <a:spLocks noGrp="1"/>
          </p:cNvSpPr>
          <p:nvPr>
            <p:ph sz="half" idx="20" hasCustomPrompt="1"/>
          </p:nvPr>
        </p:nvSpPr>
        <p:spPr>
          <a:xfrm>
            <a:off x="839788" y="2267999"/>
            <a:ext cx="2494309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23" name="Plassholder for innhold 3">
            <a:extLst>
              <a:ext uri="{FF2B5EF4-FFF2-40B4-BE49-F238E27FC236}">
                <a16:creationId xmlns:a16="http://schemas.microsoft.com/office/drawing/2014/main" id="{CC29C972-1D9B-4B6D-E6BB-52CEDDCD3EF2}"/>
              </a:ext>
            </a:extLst>
          </p:cNvPr>
          <p:cNvSpPr>
            <a:spLocks noGrp="1"/>
          </p:cNvSpPr>
          <p:nvPr>
            <p:ph sz="half" idx="22" hasCustomPrompt="1"/>
          </p:nvPr>
        </p:nvSpPr>
        <p:spPr>
          <a:xfrm>
            <a:off x="3522029" y="2267999"/>
            <a:ext cx="2494308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27" name="Plassholder for innhold 3">
            <a:extLst>
              <a:ext uri="{FF2B5EF4-FFF2-40B4-BE49-F238E27FC236}">
                <a16:creationId xmlns:a16="http://schemas.microsoft.com/office/drawing/2014/main" id="{F545F5B4-B651-1C86-2C52-4C80415C799C}"/>
              </a:ext>
            </a:extLst>
          </p:cNvPr>
          <p:cNvSpPr>
            <a:spLocks noGrp="1"/>
          </p:cNvSpPr>
          <p:nvPr>
            <p:ph sz="half" idx="24" hasCustomPrompt="1"/>
          </p:nvPr>
        </p:nvSpPr>
        <p:spPr>
          <a:xfrm>
            <a:off x="6204269" y="2267999"/>
            <a:ext cx="2494308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31" name="Plassholder for innhold 3">
            <a:extLst>
              <a:ext uri="{FF2B5EF4-FFF2-40B4-BE49-F238E27FC236}">
                <a16:creationId xmlns:a16="http://schemas.microsoft.com/office/drawing/2014/main" id="{0A09262D-5892-1BF7-9BD0-E4C6837201DD}"/>
              </a:ext>
            </a:extLst>
          </p:cNvPr>
          <p:cNvSpPr>
            <a:spLocks noGrp="1"/>
          </p:cNvSpPr>
          <p:nvPr>
            <p:ph sz="half" idx="26" hasCustomPrompt="1"/>
          </p:nvPr>
        </p:nvSpPr>
        <p:spPr>
          <a:xfrm>
            <a:off x="8886508" y="2267999"/>
            <a:ext cx="2486486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4048E809-A4B9-794D-10F7-F37BAEF9676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4" name="Plassholder for tekst 2">
            <a:extLst>
              <a:ext uri="{FF2B5EF4-FFF2-40B4-BE49-F238E27FC236}">
                <a16:creationId xmlns:a16="http://schemas.microsoft.com/office/drawing/2014/main" id="{EB52822C-389B-02B5-77CB-00A2F2A19205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2494309" cy="720000"/>
          </a:xfrm>
        </p:spPr>
        <p:txBody>
          <a:bodyPr tIns="0" bIns="0" anchor="b">
            <a:noAutofit/>
          </a:bodyPr>
          <a:lstStyle>
            <a:lvl1pPr marL="0" indent="0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5" name="Plassholder for tekst 2">
            <a:extLst>
              <a:ext uri="{FF2B5EF4-FFF2-40B4-BE49-F238E27FC236}">
                <a16:creationId xmlns:a16="http://schemas.microsoft.com/office/drawing/2014/main" id="{30575862-313C-06EC-3CFB-8DDF2EAD21EC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3519421" y="1439999"/>
            <a:ext cx="2494309" cy="720000"/>
          </a:xfrm>
        </p:spPr>
        <p:txBody>
          <a:bodyPr tIns="0" bIns="0" anchor="b">
            <a:noAutofit/>
          </a:bodyPr>
          <a:lstStyle>
            <a:lvl1pPr marL="0" indent="0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AED9E499-755F-23D6-61A7-E4EDE1FCCDCA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6199053" y="1439999"/>
            <a:ext cx="2494309" cy="720000"/>
          </a:xfrm>
        </p:spPr>
        <p:txBody>
          <a:bodyPr tIns="0" bIns="0" anchor="b">
            <a:noAutofit/>
          </a:bodyPr>
          <a:lstStyle>
            <a:lvl1pPr marL="0" indent="0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8" name="Plassholder for tekst 2">
            <a:extLst>
              <a:ext uri="{FF2B5EF4-FFF2-40B4-BE49-F238E27FC236}">
                <a16:creationId xmlns:a16="http://schemas.microsoft.com/office/drawing/2014/main" id="{8216A9D3-E544-5C9C-4688-A5922523B96B}"/>
              </a:ext>
            </a:extLst>
          </p:cNvPr>
          <p:cNvSpPr>
            <a:spLocks noGrp="1"/>
          </p:cNvSpPr>
          <p:nvPr>
            <p:ph type="body" idx="29" hasCustomPrompt="1"/>
          </p:nvPr>
        </p:nvSpPr>
        <p:spPr>
          <a:xfrm>
            <a:off x="8878685" y="1439999"/>
            <a:ext cx="2494309" cy="720000"/>
          </a:xfrm>
        </p:spPr>
        <p:txBody>
          <a:bodyPr tIns="0" bIns="0" anchor="b">
            <a:noAutofit/>
          </a:bodyPr>
          <a:lstStyle>
            <a:lvl1pPr marL="0" indent="0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2" name="Tittel 1">
            <a:extLst>
              <a:ext uri="{FF2B5EF4-FFF2-40B4-BE49-F238E27FC236}">
                <a16:creationId xmlns:a16="http://schemas.microsoft.com/office/drawing/2014/main" id="{E3517D6D-87BB-A9F3-61CB-A995BEDC417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238548621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Tekst og bilde (v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e 2">
            <a:extLst>
              <a:ext uri="{FF2B5EF4-FFF2-40B4-BE49-F238E27FC236}">
                <a16:creationId xmlns:a16="http://schemas.microsoft.com/office/drawing/2014/main" id="{72D443DA-D27E-17FF-E435-DAB163107B7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7E8700C6-C414-A410-41C1-CC58DCB91D2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2" name="Plassholder for bilde 9">
            <a:extLst>
              <a:ext uri="{FF2B5EF4-FFF2-40B4-BE49-F238E27FC236}">
                <a16:creationId xmlns:a16="http://schemas.microsoft.com/office/drawing/2014/main" id="{3BACA57F-85BE-139F-91B9-37FB736F8B0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195033" y="827313"/>
            <a:ext cx="4159699" cy="5197250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4" name="Tittel 1">
            <a:extLst>
              <a:ext uri="{FF2B5EF4-FFF2-40B4-BE49-F238E27FC236}">
                <a16:creationId xmlns:a16="http://schemas.microsoft.com/office/drawing/2014/main" id="{C594661E-C4FF-10DC-3988-0F0BBC366F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5604555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5" name="Plassholder for innhold 2">
            <a:extLst>
              <a:ext uri="{FF2B5EF4-FFF2-40B4-BE49-F238E27FC236}">
                <a16:creationId xmlns:a16="http://schemas.microsoft.com/office/drawing/2014/main" id="{23A496AA-F02B-2E10-FD69-1F9ACEF8C1F1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838200" y="1440000"/>
            <a:ext cx="5604554" cy="4608000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425171137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Tekst og bilde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e 2">
            <a:extLst>
              <a:ext uri="{FF2B5EF4-FFF2-40B4-BE49-F238E27FC236}">
                <a16:creationId xmlns:a16="http://schemas.microsoft.com/office/drawing/2014/main" id="{1B8BA4A6-5555-23B4-3714-F0D89074140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2" name="Bilde 1">
            <a:extLst>
              <a:ext uri="{FF2B5EF4-FFF2-40B4-BE49-F238E27FC236}">
                <a16:creationId xmlns:a16="http://schemas.microsoft.com/office/drawing/2014/main" id="{B05F6BF8-CD18-3105-1CE9-6299878E505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Plassholder for bilde 19">
            <a:extLst>
              <a:ext uri="{FF2B5EF4-FFF2-40B4-BE49-F238E27FC236}">
                <a16:creationId xmlns:a16="http://schemas.microsoft.com/office/drawing/2014/main" id="{2EFFD18C-C65F-262E-6381-F5265C5CFA8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193387" y="828676"/>
            <a:ext cx="4161336" cy="5199973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4" name="Tittel 1">
            <a:extLst>
              <a:ext uri="{FF2B5EF4-FFF2-40B4-BE49-F238E27FC236}">
                <a16:creationId xmlns:a16="http://schemas.microsoft.com/office/drawing/2014/main" id="{5890C360-8E16-F0D8-EF74-3C93CA06FCE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5604555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5" name="Plassholder for innhold 2">
            <a:extLst>
              <a:ext uri="{FF2B5EF4-FFF2-40B4-BE49-F238E27FC236}">
                <a16:creationId xmlns:a16="http://schemas.microsoft.com/office/drawing/2014/main" id="{55211319-9021-4DAE-9EA8-66592C2F99A6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838200" y="1440000"/>
            <a:ext cx="5604554" cy="4608000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173807110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Tekst og bilde (v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e 2">
            <a:extLst>
              <a:ext uri="{FF2B5EF4-FFF2-40B4-BE49-F238E27FC236}">
                <a16:creationId xmlns:a16="http://schemas.microsoft.com/office/drawing/2014/main" id="{D50E2117-7370-192A-C148-E28C8DFD595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2" name="Bilde 1">
            <a:extLst>
              <a:ext uri="{FF2B5EF4-FFF2-40B4-BE49-F238E27FC236}">
                <a16:creationId xmlns:a16="http://schemas.microsoft.com/office/drawing/2014/main" id="{0324498A-B52A-422C-F2E8-9E8E967DEC6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4" name="Plassholder for bilde 9">
            <a:extLst>
              <a:ext uri="{FF2B5EF4-FFF2-40B4-BE49-F238E27FC236}">
                <a16:creationId xmlns:a16="http://schemas.microsoft.com/office/drawing/2014/main" id="{882341E6-00CD-A626-E67F-3C1EC0B94A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187617" y="821438"/>
            <a:ext cx="4167119" cy="5207147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5" name="Tittel 1">
            <a:extLst>
              <a:ext uri="{FF2B5EF4-FFF2-40B4-BE49-F238E27FC236}">
                <a16:creationId xmlns:a16="http://schemas.microsoft.com/office/drawing/2014/main" id="{6508CDE1-28F8-3884-BEB1-2143523A036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5604555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6" name="Plassholder for innhold 2">
            <a:extLst>
              <a:ext uri="{FF2B5EF4-FFF2-40B4-BE49-F238E27FC236}">
                <a16:creationId xmlns:a16="http://schemas.microsoft.com/office/drawing/2014/main" id="{7037E0A0-76E3-469D-C61B-D49D79D06AA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838200" y="1440000"/>
            <a:ext cx="5604554" cy="4608000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353893253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Tekster og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CB5DEFFC-D7C4-6B35-6CEB-9E471EACDB7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45" name="Plassholder for innhold 3">
            <a:extLst>
              <a:ext uri="{FF2B5EF4-FFF2-40B4-BE49-F238E27FC236}">
                <a16:creationId xmlns:a16="http://schemas.microsoft.com/office/drawing/2014/main" id="{D803BA19-787A-BF2B-4B32-3940DD68E85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43517" y="4716000"/>
            <a:ext cx="510211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6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6" name="Plassholder for innhold 3">
            <a:extLst>
              <a:ext uri="{FF2B5EF4-FFF2-40B4-BE49-F238E27FC236}">
                <a16:creationId xmlns:a16="http://schemas.microsoft.com/office/drawing/2014/main" id="{2184F4D8-439E-8411-8CAC-50791DB90DBB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6252124" y="4716000"/>
            <a:ext cx="510211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6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9" name="Plassholder for tekst 2">
            <a:extLst>
              <a:ext uri="{FF2B5EF4-FFF2-40B4-BE49-F238E27FC236}">
                <a16:creationId xmlns:a16="http://schemas.microsoft.com/office/drawing/2014/main" id="{D9D54EDD-FD96-438A-C2B8-5E625E1C779A}"/>
              </a:ext>
            </a:extLst>
          </p:cNvPr>
          <p:cNvSpPr>
            <a:spLocks noGrp="1"/>
          </p:cNvSpPr>
          <p:nvPr>
            <p:ph type="body" idx="17" hasCustomPrompt="1"/>
          </p:nvPr>
        </p:nvSpPr>
        <p:spPr>
          <a:xfrm>
            <a:off x="6246925" y="3996000"/>
            <a:ext cx="510211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50" name="Plassholder for tekst 2">
            <a:extLst>
              <a:ext uri="{FF2B5EF4-FFF2-40B4-BE49-F238E27FC236}">
                <a16:creationId xmlns:a16="http://schemas.microsoft.com/office/drawing/2014/main" id="{321B0A13-19E8-6EAF-D8A6-C099FA37D055}"/>
              </a:ext>
            </a:extLst>
          </p:cNvPr>
          <p:cNvSpPr>
            <a:spLocks noGrp="1"/>
          </p:cNvSpPr>
          <p:nvPr>
            <p:ph type="body" idx="18" hasCustomPrompt="1"/>
          </p:nvPr>
        </p:nvSpPr>
        <p:spPr>
          <a:xfrm>
            <a:off x="838199" y="3996000"/>
            <a:ext cx="510211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10" name="Plassholder for bilde 9">
            <a:extLst>
              <a:ext uri="{FF2B5EF4-FFF2-40B4-BE49-F238E27FC236}">
                <a16:creationId xmlns:a16="http://schemas.microsoft.com/office/drawing/2014/main" id="{D474810F-C877-278E-54D5-2CB25AE11E2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38199" y="1440000"/>
            <a:ext cx="5807594" cy="2453607"/>
          </a:xfrm>
          <a:custGeom>
            <a:avLst/>
            <a:gdLst>
              <a:gd name="connsiteX0" fmla="*/ 550291 w 5807594"/>
              <a:gd name="connsiteY0" fmla="*/ 0 h 2453607"/>
              <a:gd name="connsiteX1" fmla="*/ 5702130 w 5807594"/>
              <a:gd name="connsiteY1" fmla="*/ 0 h 2453607"/>
              <a:gd name="connsiteX2" fmla="*/ 5792429 w 5807594"/>
              <a:gd name="connsiteY2" fmla="*/ 159512 h 2453607"/>
              <a:gd name="connsiteX3" fmla="*/ 4446757 w 5807594"/>
              <a:gd name="connsiteY3" fmla="*/ 2402484 h 2453607"/>
              <a:gd name="connsiteX4" fmla="*/ 4356457 w 5807594"/>
              <a:gd name="connsiteY4" fmla="*/ 2453607 h 2453607"/>
              <a:gd name="connsiteX5" fmla="*/ 105308 w 5807594"/>
              <a:gd name="connsiteY5" fmla="*/ 2453607 h 2453607"/>
              <a:gd name="connsiteX6" fmla="*/ 0 w 5807594"/>
              <a:gd name="connsiteY6" fmla="*/ 2348290 h 2453607"/>
              <a:gd name="connsiteX7" fmla="*/ 0 w 5807594"/>
              <a:gd name="connsiteY7" fmla="*/ 847047 h 2453607"/>
              <a:gd name="connsiteX8" fmla="*/ 15009 w 5807594"/>
              <a:gd name="connsiteY8" fmla="*/ 792853 h 2453607"/>
              <a:gd name="connsiteX9" fmla="*/ 459991 w 5807594"/>
              <a:gd name="connsiteY9" fmla="*/ 51123 h 2453607"/>
              <a:gd name="connsiteX10" fmla="*/ 550291 w 5807594"/>
              <a:gd name="connsiteY10" fmla="*/ 0 h 24536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807594" h="2453607">
                <a:moveTo>
                  <a:pt x="550291" y="0"/>
                </a:moveTo>
                <a:lnTo>
                  <a:pt x="5702130" y="0"/>
                </a:lnTo>
                <a:cubicBezTo>
                  <a:pt x="5783983" y="0"/>
                  <a:pt x="5834532" y="89317"/>
                  <a:pt x="5792429" y="159512"/>
                </a:cubicBezTo>
                <a:lnTo>
                  <a:pt x="4446757" y="2402484"/>
                </a:lnTo>
                <a:cubicBezTo>
                  <a:pt x="4427736" y="2434213"/>
                  <a:pt x="4393459" y="2453607"/>
                  <a:pt x="4356457" y="2453607"/>
                </a:cubicBezTo>
                <a:lnTo>
                  <a:pt x="105308" y="2453607"/>
                </a:lnTo>
                <a:cubicBezTo>
                  <a:pt x="47156" y="2453607"/>
                  <a:pt x="0" y="2406447"/>
                  <a:pt x="0" y="2348290"/>
                </a:cubicBezTo>
                <a:lnTo>
                  <a:pt x="0" y="847047"/>
                </a:lnTo>
                <a:cubicBezTo>
                  <a:pt x="0" y="827950"/>
                  <a:pt x="5176" y="809225"/>
                  <a:pt x="15009" y="792853"/>
                </a:cubicBezTo>
                <a:lnTo>
                  <a:pt x="459991" y="51123"/>
                </a:lnTo>
                <a:cubicBezTo>
                  <a:pt x="479037" y="19419"/>
                  <a:pt x="513314" y="0"/>
                  <a:pt x="550291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1" name="Plassholder for bilde 10">
            <a:extLst>
              <a:ext uri="{FF2B5EF4-FFF2-40B4-BE49-F238E27FC236}">
                <a16:creationId xmlns:a16="http://schemas.microsoft.com/office/drawing/2014/main" id="{A57A2679-F056-ADC0-F625-225E8A90F17C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544444" y="1440000"/>
            <a:ext cx="5804594" cy="2453607"/>
          </a:xfrm>
          <a:custGeom>
            <a:avLst/>
            <a:gdLst>
              <a:gd name="connsiteX0" fmla="*/ 1451113 w 5804594"/>
              <a:gd name="connsiteY0" fmla="*/ 0 h 2453607"/>
              <a:gd name="connsiteX1" fmla="*/ 5702287 w 5804594"/>
              <a:gd name="connsiteY1" fmla="*/ 0 h 2453607"/>
              <a:gd name="connsiteX2" fmla="*/ 5799318 w 5804594"/>
              <a:gd name="connsiteY2" fmla="*/ 64326 h 2453607"/>
              <a:gd name="connsiteX3" fmla="*/ 5804594 w 5804594"/>
              <a:gd name="connsiteY3" fmla="*/ 90455 h 2453607"/>
              <a:gd name="connsiteX4" fmla="*/ 5804594 w 5804594"/>
              <a:gd name="connsiteY4" fmla="*/ 1617397 h 2453607"/>
              <a:gd name="connsiteX5" fmla="*/ 5792587 w 5804594"/>
              <a:gd name="connsiteY5" fmla="*/ 1660755 h 2453607"/>
              <a:gd name="connsiteX6" fmla="*/ 5347604 w 5804594"/>
              <a:gd name="connsiteY6" fmla="*/ 2402484 h 2453607"/>
              <a:gd name="connsiteX7" fmla="*/ 5257305 w 5804594"/>
              <a:gd name="connsiteY7" fmla="*/ 2453607 h 2453607"/>
              <a:gd name="connsiteX8" fmla="*/ 105466 w 5804594"/>
              <a:gd name="connsiteY8" fmla="*/ 2453607 h 2453607"/>
              <a:gd name="connsiteX9" fmla="*/ 15166 w 5804594"/>
              <a:gd name="connsiteY9" fmla="*/ 2294096 h 2453607"/>
              <a:gd name="connsiteX10" fmla="*/ 1360814 w 5804594"/>
              <a:gd name="connsiteY10" fmla="*/ 51123 h 2453607"/>
              <a:gd name="connsiteX11" fmla="*/ 1451113 w 5804594"/>
              <a:gd name="connsiteY11" fmla="*/ 0 h 24536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804594" h="2453607">
                <a:moveTo>
                  <a:pt x="1451113" y="0"/>
                </a:moveTo>
                <a:lnTo>
                  <a:pt x="5702287" y="0"/>
                </a:lnTo>
                <a:cubicBezTo>
                  <a:pt x="5745901" y="0"/>
                  <a:pt x="5783330" y="26528"/>
                  <a:pt x="5799318" y="64326"/>
                </a:cubicBezTo>
                <a:lnTo>
                  <a:pt x="5804594" y="90455"/>
                </a:lnTo>
                <a:lnTo>
                  <a:pt x="5804594" y="1617397"/>
                </a:lnTo>
                <a:lnTo>
                  <a:pt x="5792587" y="1660755"/>
                </a:lnTo>
                <a:lnTo>
                  <a:pt x="5347604" y="2402484"/>
                </a:lnTo>
                <a:cubicBezTo>
                  <a:pt x="5328583" y="2434213"/>
                  <a:pt x="5294306" y="2453607"/>
                  <a:pt x="5257305" y="2453607"/>
                </a:cubicBezTo>
                <a:lnTo>
                  <a:pt x="105466" y="2453607"/>
                </a:lnTo>
                <a:cubicBezTo>
                  <a:pt x="23612" y="2453607"/>
                  <a:pt x="-26937" y="2364291"/>
                  <a:pt x="15166" y="2294096"/>
                </a:cubicBezTo>
                <a:lnTo>
                  <a:pt x="1360814" y="51123"/>
                </a:lnTo>
                <a:cubicBezTo>
                  <a:pt x="1379835" y="19394"/>
                  <a:pt x="1414112" y="0"/>
                  <a:pt x="1451113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3" name="Tittel 1">
            <a:extLst>
              <a:ext uri="{FF2B5EF4-FFF2-40B4-BE49-F238E27FC236}">
                <a16:creationId xmlns:a16="http://schemas.microsoft.com/office/drawing/2014/main" id="{AA838C6F-4841-0C06-EE18-C88AD02221B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1905920573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 og bilder (v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CB5DEFFC-D7C4-6B35-6CEB-9E471EACDB7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45" name="Plassholder for innhold 3">
            <a:extLst>
              <a:ext uri="{FF2B5EF4-FFF2-40B4-BE49-F238E27FC236}">
                <a16:creationId xmlns:a16="http://schemas.microsoft.com/office/drawing/2014/main" id="{D803BA19-787A-BF2B-4B32-3940DD68E85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6" name="Plassholder for innhold 3">
            <a:extLst>
              <a:ext uri="{FF2B5EF4-FFF2-40B4-BE49-F238E27FC236}">
                <a16:creationId xmlns:a16="http://schemas.microsoft.com/office/drawing/2014/main" id="{2184F4D8-439E-8411-8CAC-50791DB90DBB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417200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7" name="Plassholder for innhold 3">
            <a:extLst>
              <a:ext uri="{FF2B5EF4-FFF2-40B4-BE49-F238E27FC236}">
                <a16:creationId xmlns:a16="http://schemas.microsoft.com/office/drawing/2014/main" id="{716427F7-B558-E305-F237-770008E04BF9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7999200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8" name="Plassholder for tekst 2">
            <a:extLst>
              <a:ext uri="{FF2B5EF4-FFF2-40B4-BE49-F238E27FC236}">
                <a16:creationId xmlns:a16="http://schemas.microsoft.com/office/drawing/2014/main" id="{4C7E3C2E-8599-08BA-7124-C35BFD36608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999200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49" name="Plassholder for tekst 2">
            <a:extLst>
              <a:ext uri="{FF2B5EF4-FFF2-40B4-BE49-F238E27FC236}">
                <a16:creationId xmlns:a16="http://schemas.microsoft.com/office/drawing/2014/main" id="{D9D54EDD-FD96-438A-C2B8-5E625E1C779A}"/>
              </a:ext>
            </a:extLst>
          </p:cNvPr>
          <p:cNvSpPr>
            <a:spLocks noGrp="1"/>
          </p:cNvSpPr>
          <p:nvPr>
            <p:ph type="body" idx="17" hasCustomPrompt="1"/>
          </p:nvPr>
        </p:nvSpPr>
        <p:spPr>
          <a:xfrm>
            <a:off x="4417200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50" name="Plassholder for tekst 2">
            <a:extLst>
              <a:ext uri="{FF2B5EF4-FFF2-40B4-BE49-F238E27FC236}">
                <a16:creationId xmlns:a16="http://schemas.microsoft.com/office/drawing/2014/main" id="{321B0A13-19E8-6EAF-D8A6-C099FA37D055}"/>
              </a:ext>
            </a:extLst>
          </p:cNvPr>
          <p:cNvSpPr>
            <a:spLocks noGrp="1"/>
          </p:cNvSpPr>
          <p:nvPr>
            <p:ph type="body" idx="18" hasCustomPrompt="1"/>
          </p:nvPr>
        </p:nvSpPr>
        <p:spPr>
          <a:xfrm>
            <a:off x="834471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14" name="Plassholder for bilde 13">
            <a:extLst>
              <a:ext uri="{FF2B5EF4-FFF2-40B4-BE49-F238E27FC236}">
                <a16:creationId xmlns:a16="http://schemas.microsoft.com/office/drawing/2014/main" id="{87EAD5F9-13E1-1894-0AFA-8C4434C77B60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38851" y="1440000"/>
            <a:ext cx="4090316" cy="2446390"/>
          </a:xfrm>
          <a:custGeom>
            <a:avLst/>
            <a:gdLst>
              <a:gd name="connsiteX0" fmla="*/ 550303 w 4090316"/>
              <a:gd name="connsiteY0" fmla="*/ 0 h 2446390"/>
              <a:gd name="connsiteX1" fmla="*/ 3984850 w 4090316"/>
              <a:gd name="connsiteY1" fmla="*/ 0 h 2446390"/>
              <a:gd name="connsiteX2" fmla="*/ 4075151 w 4090316"/>
              <a:gd name="connsiteY2" fmla="*/ 159447 h 2446390"/>
              <a:gd name="connsiteX3" fmla="*/ 2729448 w 4090316"/>
              <a:gd name="connsiteY3" fmla="*/ 2401514 h 2446390"/>
              <a:gd name="connsiteX4" fmla="*/ 2691040 w 4090316"/>
              <a:gd name="connsiteY4" fmla="*/ 2438960 h 2446390"/>
              <a:gd name="connsiteX5" fmla="*/ 2662807 w 4090316"/>
              <a:gd name="connsiteY5" fmla="*/ 2446390 h 2446390"/>
              <a:gd name="connsiteX6" fmla="*/ 74463 w 4090316"/>
              <a:gd name="connsiteY6" fmla="*/ 2446390 h 2446390"/>
              <a:gd name="connsiteX7" fmla="*/ 64322 w 4090316"/>
              <a:gd name="connsiteY7" fmla="*/ 2444343 h 2446390"/>
              <a:gd name="connsiteX8" fmla="*/ 0 w 4090316"/>
              <a:gd name="connsiteY8" fmla="*/ 2347342 h 2446390"/>
              <a:gd name="connsiteX9" fmla="*/ 0 w 4090316"/>
              <a:gd name="connsiteY9" fmla="*/ 846705 h 2446390"/>
              <a:gd name="connsiteX10" fmla="*/ 15009 w 4090316"/>
              <a:gd name="connsiteY10" fmla="*/ 792532 h 2446390"/>
              <a:gd name="connsiteX11" fmla="*/ 460002 w 4090316"/>
              <a:gd name="connsiteY11" fmla="*/ 51102 h 2446390"/>
              <a:gd name="connsiteX12" fmla="*/ 550303 w 4090316"/>
              <a:gd name="connsiteY12" fmla="*/ 0 h 244639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090316" h="2446390">
                <a:moveTo>
                  <a:pt x="550303" y="0"/>
                </a:moveTo>
                <a:lnTo>
                  <a:pt x="3984850" y="0"/>
                </a:lnTo>
                <a:cubicBezTo>
                  <a:pt x="4066706" y="0"/>
                  <a:pt x="4117256" y="89281"/>
                  <a:pt x="4075151" y="159447"/>
                </a:cubicBezTo>
                <a:lnTo>
                  <a:pt x="2729448" y="2401514"/>
                </a:lnTo>
                <a:cubicBezTo>
                  <a:pt x="2719938" y="2417373"/>
                  <a:pt x="2706613" y="2430149"/>
                  <a:pt x="2691040" y="2438960"/>
                </a:cubicBezTo>
                <a:lnTo>
                  <a:pt x="2662807" y="2446390"/>
                </a:lnTo>
                <a:lnTo>
                  <a:pt x="74463" y="2446390"/>
                </a:lnTo>
                <a:lnTo>
                  <a:pt x="64322" y="2444343"/>
                </a:lnTo>
                <a:cubicBezTo>
                  <a:pt x="26526" y="2428360"/>
                  <a:pt x="0" y="2390943"/>
                  <a:pt x="0" y="2347342"/>
                </a:cubicBezTo>
                <a:lnTo>
                  <a:pt x="0" y="846705"/>
                </a:lnTo>
                <a:cubicBezTo>
                  <a:pt x="0" y="827616"/>
                  <a:pt x="5176" y="808898"/>
                  <a:pt x="15009" y="792532"/>
                </a:cubicBezTo>
                <a:lnTo>
                  <a:pt x="460002" y="51102"/>
                </a:lnTo>
                <a:cubicBezTo>
                  <a:pt x="479048" y="19411"/>
                  <a:pt x="513326" y="0"/>
                  <a:pt x="550303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5" name="Plassholder for bilde 14">
            <a:extLst>
              <a:ext uri="{FF2B5EF4-FFF2-40B4-BE49-F238E27FC236}">
                <a16:creationId xmlns:a16="http://schemas.microsoft.com/office/drawing/2014/main" id="{22A35B71-796D-56B5-4257-E352D09B60F4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3747679" y="1440000"/>
            <a:ext cx="4693549" cy="2444831"/>
          </a:xfrm>
          <a:custGeom>
            <a:avLst/>
            <a:gdLst>
              <a:gd name="connsiteX0" fmla="*/ 1446076 w 4693549"/>
              <a:gd name="connsiteY0" fmla="*/ 0 h 2444831"/>
              <a:gd name="connsiteX1" fmla="*/ 4588451 w 4693549"/>
              <a:gd name="connsiteY1" fmla="*/ 0 h 2444831"/>
              <a:gd name="connsiteX2" fmla="*/ 4678437 w 4693549"/>
              <a:gd name="connsiteY2" fmla="*/ 158946 h 2444831"/>
              <a:gd name="connsiteX3" fmla="*/ 3337435 w 4693549"/>
              <a:gd name="connsiteY3" fmla="*/ 2393965 h 2444831"/>
              <a:gd name="connsiteX4" fmla="*/ 3299162 w 4693549"/>
              <a:gd name="connsiteY4" fmla="*/ 2431283 h 2444831"/>
              <a:gd name="connsiteX5" fmla="*/ 3247738 w 4693549"/>
              <a:gd name="connsiteY5" fmla="*/ 2444831 h 2444831"/>
              <a:gd name="connsiteX6" fmla="*/ 104543 w 4693549"/>
              <a:gd name="connsiteY6" fmla="*/ 2444831 h 2444831"/>
              <a:gd name="connsiteX7" fmla="*/ 76092 w 4693549"/>
              <a:gd name="connsiteY7" fmla="*/ 2440946 h 2444831"/>
              <a:gd name="connsiteX8" fmla="*/ 15113 w 4693549"/>
              <a:gd name="connsiteY8" fmla="*/ 2285961 h 2444831"/>
              <a:gd name="connsiteX9" fmla="*/ 1356091 w 4693549"/>
              <a:gd name="connsiteY9" fmla="*/ 50942 h 2444831"/>
              <a:gd name="connsiteX10" fmla="*/ 1446076 w 4693549"/>
              <a:gd name="connsiteY10" fmla="*/ 0 h 244483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693549" h="2444831">
                <a:moveTo>
                  <a:pt x="1446076" y="0"/>
                </a:moveTo>
                <a:lnTo>
                  <a:pt x="4588451" y="0"/>
                </a:lnTo>
                <a:cubicBezTo>
                  <a:pt x="4670021" y="0"/>
                  <a:pt x="4720394" y="89000"/>
                  <a:pt x="4678437" y="158946"/>
                </a:cubicBezTo>
                <a:lnTo>
                  <a:pt x="3337435" y="2393965"/>
                </a:lnTo>
                <a:cubicBezTo>
                  <a:pt x="3327958" y="2409761"/>
                  <a:pt x="3314680" y="2422497"/>
                  <a:pt x="3299162" y="2431283"/>
                </a:cubicBezTo>
                <a:lnTo>
                  <a:pt x="3247738" y="2444831"/>
                </a:lnTo>
                <a:lnTo>
                  <a:pt x="104543" y="2444831"/>
                </a:lnTo>
                <a:lnTo>
                  <a:pt x="76092" y="2440946"/>
                </a:lnTo>
                <a:cubicBezTo>
                  <a:pt x="12378" y="2422955"/>
                  <a:pt x="-21600" y="2347164"/>
                  <a:pt x="15113" y="2285961"/>
                </a:cubicBezTo>
                <a:lnTo>
                  <a:pt x="1356091" y="50942"/>
                </a:lnTo>
                <a:cubicBezTo>
                  <a:pt x="1375045" y="19350"/>
                  <a:pt x="1409203" y="0"/>
                  <a:pt x="144607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6" name="Plassholder for bilde 15">
            <a:extLst>
              <a:ext uri="{FF2B5EF4-FFF2-40B4-BE49-F238E27FC236}">
                <a16:creationId xmlns:a16="http://schemas.microsoft.com/office/drawing/2014/main" id="{F192C758-8ED4-4059-815F-EE9B52B6CA0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262835" y="1440000"/>
            <a:ext cx="4115796" cy="2446390"/>
          </a:xfrm>
          <a:custGeom>
            <a:avLst/>
            <a:gdLst>
              <a:gd name="connsiteX0" fmla="*/ 1447511 w 4115796"/>
              <a:gd name="connsiteY0" fmla="*/ 0 h 2446390"/>
              <a:gd name="connsiteX1" fmla="*/ 4010750 w 4115796"/>
              <a:gd name="connsiteY1" fmla="*/ 0 h 2446390"/>
              <a:gd name="connsiteX2" fmla="*/ 4115796 w 4115796"/>
              <a:gd name="connsiteY2" fmla="*/ 105053 h 2446390"/>
              <a:gd name="connsiteX3" fmla="*/ 4115796 w 4115796"/>
              <a:gd name="connsiteY3" fmla="*/ 1602531 h 2446390"/>
              <a:gd name="connsiteX4" fmla="*/ 4100825 w 4115796"/>
              <a:gd name="connsiteY4" fmla="*/ 1656590 h 2446390"/>
              <a:gd name="connsiteX5" fmla="*/ 3656947 w 4115796"/>
              <a:gd name="connsiteY5" fmla="*/ 2396459 h 2446390"/>
              <a:gd name="connsiteX6" fmla="*/ 3618635 w 4115796"/>
              <a:gd name="connsiteY6" fmla="*/ 2433825 h 2446390"/>
              <a:gd name="connsiteX7" fmla="*/ 3570912 w 4115796"/>
              <a:gd name="connsiteY7" fmla="*/ 2446390 h 2446390"/>
              <a:gd name="connsiteX8" fmla="*/ 97411 w 4115796"/>
              <a:gd name="connsiteY8" fmla="*/ 2446390 h 2446390"/>
              <a:gd name="connsiteX9" fmla="*/ 76168 w 4115796"/>
              <a:gd name="connsiteY9" fmla="*/ 2443489 h 2446390"/>
              <a:gd name="connsiteX10" fmla="*/ 15128 w 4115796"/>
              <a:gd name="connsiteY10" fmla="*/ 2288342 h 2446390"/>
              <a:gd name="connsiteX11" fmla="*/ 1357436 w 4115796"/>
              <a:gd name="connsiteY11" fmla="*/ 50995 h 2446390"/>
              <a:gd name="connsiteX12" fmla="*/ 1447511 w 4115796"/>
              <a:gd name="connsiteY12" fmla="*/ 0 h 244639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15796" h="2446390">
                <a:moveTo>
                  <a:pt x="1447511" y="0"/>
                </a:moveTo>
                <a:lnTo>
                  <a:pt x="4010750" y="0"/>
                </a:lnTo>
                <a:cubicBezTo>
                  <a:pt x="4068758" y="0"/>
                  <a:pt x="4115796" y="47042"/>
                  <a:pt x="4115796" y="105053"/>
                </a:cubicBezTo>
                <a:lnTo>
                  <a:pt x="4115796" y="1602531"/>
                </a:lnTo>
                <a:cubicBezTo>
                  <a:pt x="4115796" y="1621580"/>
                  <a:pt x="4110633" y="1640259"/>
                  <a:pt x="4100825" y="1656590"/>
                </a:cubicBezTo>
                <a:lnTo>
                  <a:pt x="3656947" y="2396459"/>
                </a:lnTo>
                <a:cubicBezTo>
                  <a:pt x="3647460" y="2412284"/>
                  <a:pt x="3634168" y="2425032"/>
                  <a:pt x="3618635" y="2433825"/>
                </a:cubicBezTo>
                <a:lnTo>
                  <a:pt x="3570912" y="2446390"/>
                </a:lnTo>
                <a:lnTo>
                  <a:pt x="97411" y="2446390"/>
                </a:lnTo>
                <a:lnTo>
                  <a:pt x="76168" y="2443489"/>
                </a:lnTo>
                <a:cubicBezTo>
                  <a:pt x="12391" y="2425479"/>
                  <a:pt x="-21621" y="2349609"/>
                  <a:pt x="15128" y="2288342"/>
                </a:cubicBezTo>
                <a:lnTo>
                  <a:pt x="1357436" y="50995"/>
                </a:lnTo>
                <a:cubicBezTo>
                  <a:pt x="1376409" y="19345"/>
                  <a:pt x="1410601" y="0"/>
                  <a:pt x="1447511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3" name="Tittel 1">
            <a:extLst>
              <a:ext uri="{FF2B5EF4-FFF2-40B4-BE49-F238E27FC236}">
                <a16:creationId xmlns:a16="http://schemas.microsoft.com/office/drawing/2014/main" id="{7AE3BC8E-337B-2220-C0AF-CA7CE6B08E9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27013184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fors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38199" y="1501160"/>
            <a:ext cx="4971402" cy="3505737"/>
          </a:xfrm>
        </p:spPr>
        <p:txBody>
          <a:bodyPr anchor="b">
            <a:noAutofit/>
          </a:bodyPr>
          <a:lstStyle>
            <a:lvl1pPr algn="l">
              <a:defRPr sz="54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199" y="5120639"/>
            <a:ext cx="4971402" cy="919301"/>
          </a:xfrm>
        </p:spPr>
        <p:txBody>
          <a:bodyPr>
            <a:noAutofit/>
          </a:bodyPr>
          <a:lstStyle>
            <a:lvl1pPr marL="0" indent="0" algn="l">
              <a:buNone/>
              <a:defRPr sz="20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her for å redigere undertittel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DCFC6F05-CC25-3847-DE7E-E810DF531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8" name="Bilde 7">
            <a:extLst>
              <a:ext uri="{FF2B5EF4-FFF2-40B4-BE49-F238E27FC236}">
                <a16:creationId xmlns:a16="http://schemas.microsoft.com/office/drawing/2014/main" id="{549FC9F5-99DD-1F7B-8314-12867514399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pic>
        <p:nvPicPr>
          <p:cNvPr id="6" name="Picture 5" descr="A collage of images of various types of water&#10;&#10;Description automatically generated">
            <a:extLst>
              <a:ext uri="{FF2B5EF4-FFF2-40B4-BE49-F238E27FC236}">
                <a16:creationId xmlns:a16="http://schemas.microsoft.com/office/drawing/2014/main" id="{D6721ECC-DBE3-D267-C4DA-51167C451193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6138000" y="828000"/>
            <a:ext cx="5212800" cy="5212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95264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 og bilder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CB5DEFFC-D7C4-6B35-6CEB-9E471EACDB7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45" name="Plassholder for innhold 3">
            <a:extLst>
              <a:ext uri="{FF2B5EF4-FFF2-40B4-BE49-F238E27FC236}">
                <a16:creationId xmlns:a16="http://schemas.microsoft.com/office/drawing/2014/main" id="{D803BA19-787A-BF2B-4B32-3940DD68E85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6" name="Plassholder for innhold 3">
            <a:extLst>
              <a:ext uri="{FF2B5EF4-FFF2-40B4-BE49-F238E27FC236}">
                <a16:creationId xmlns:a16="http://schemas.microsoft.com/office/drawing/2014/main" id="{2184F4D8-439E-8411-8CAC-50791DB90DBB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417200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7" name="Plassholder for innhold 3">
            <a:extLst>
              <a:ext uri="{FF2B5EF4-FFF2-40B4-BE49-F238E27FC236}">
                <a16:creationId xmlns:a16="http://schemas.microsoft.com/office/drawing/2014/main" id="{716427F7-B558-E305-F237-770008E04BF9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7999200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8" name="Plassholder for tekst 2">
            <a:extLst>
              <a:ext uri="{FF2B5EF4-FFF2-40B4-BE49-F238E27FC236}">
                <a16:creationId xmlns:a16="http://schemas.microsoft.com/office/drawing/2014/main" id="{4C7E3C2E-8599-08BA-7124-C35BFD36608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999200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49" name="Plassholder for tekst 2">
            <a:extLst>
              <a:ext uri="{FF2B5EF4-FFF2-40B4-BE49-F238E27FC236}">
                <a16:creationId xmlns:a16="http://schemas.microsoft.com/office/drawing/2014/main" id="{D9D54EDD-FD96-438A-C2B8-5E625E1C779A}"/>
              </a:ext>
            </a:extLst>
          </p:cNvPr>
          <p:cNvSpPr>
            <a:spLocks noGrp="1"/>
          </p:cNvSpPr>
          <p:nvPr>
            <p:ph type="body" idx="17" hasCustomPrompt="1"/>
          </p:nvPr>
        </p:nvSpPr>
        <p:spPr>
          <a:xfrm>
            <a:off x="4417200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50" name="Plassholder for tekst 2">
            <a:extLst>
              <a:ext uri="{FF2B5EF4-FFF2-40B4-BE49-F238E27FC236}">
                <a16:creationId xmlns:a16="http://schemas.microsoft.com/office/drawing/2014/main" id="{321B0A13-19E8-6EAF-D8A6-C099FA37D055}"/>
              </a:ext>
            </a:extLst>
          </p:cNvPr>
          <p:cNvSpPr>
            <a:spLocks noGrp="1"/>
          </p:cNvSpPr>
          <p:nvPr>
            <p:ph type="body" idx="18" hasCustomPrompt="1"/>
          </p:nvPr>
        </p:nvSpPr>
        <p:spPr>
          <a:xfrm>
            <a:off x="834471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12" name="Plassholder for bilde 11">
            <a:extLst>
              <a:ext uri="{FF2B5EF4-FFF2-40B4-BE49-F238E27FC236}">
                <a16:creationId xmlns:a16="http://schemas.microsoft.com/office/drawing/2014/main" id="{FDAD4CF8-FFD5-74CB-5990-00F5B5400630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36694" y="1440000"/>
            <a:ext cx="3830556" cy="2443918"/>
          </a:xfrm>
          <a:custGeom>
            <a:avLst/>
            <a:gdLst>
              <a:gd name="connsiteX0" fmla="*/ 548351 w 3830556"/>
              <a:gd name="connsiteY0" fmla="*/ 0 h 2443918"/>
              <a:gd name="connsiteX1" fmla="*/ 3726243 w 3830556"/>
              <a:gd name="connsiteY1" fmla="*/ 0 h 2443918"/>
              <a:gd name="connsiteX2" fmla="*/ 3817554 w 3830556"/>
              <a:gd name="connsiteY2" fmla="*/ 53222 h 2443918"/>
              <a:gd name="connsiteX3" fmla="*/ 3830556 w 3830556"/>
              <a:gd name="connsiteY3" fmla="*/ 101660 h 2443918"/>
              <a:gd name="connsiteX4" fmla="*/ 3830556 w 3830556"/>
              <a:gd name="connsiteY4" fmla="*/ 107359 h 2443918"/>
              <a:gd name="connsiteX5" fmla="*/ 3816224 w 3830556"/>
              <a:gd name="connsiteY5" fmla="*/ 158882 h 2443918"/>
              <a:gd name="connsiteX6" fmla="*/ 2948645 w 3830556"/>
              <a:gd name="connsiteY6" fmla="*/ 1604361 h 2443918"/>
              <a:gd name="connsiteX7" fmla="*/ 2933689 w 3830556"/>
              <a:gd name="connsiteY7" fmla="*/ 1658341 h 2443918"/>
              <a:gd name="connsiteX8" fmla="*/ 2933689 w 3830556"/>
              <a:gd name="connsiteY8" fmla="*/ 2339017 h 2443918"/>
              <a:gd name="connsiteX9" fmla="*/ 2828752 w 3830556"/>
              <a:gd name="connsiteY9" fmla="*/ 2443918 h 2443918"/>
              <a:gd name="connsiteX10" fmla="*/ 104937 w 3830556"/>
              <a:gd name="connsiteY10" fmla="*/ 2443918 h 2443918"/>
              <a:gd name="connsiteX11" fmla="*/ 0 w 3830556"/>
              <a:gd name="connsiteY11" fmla="*/ 2339017 h 2443918"/>
              <a:gd name="connsiteX12" fmla="*/ 0 w 3830556"/>
              <a:gd name="connsiteY12" fmla="*/ 843702 h 2443918"/>
              <a:gd name="connsiteX13" fmla="*/ 14956 w 3830556"/>
              <a:gd name="connsiteY13" fmla="*/ 789722 h 2443918"/>
              <a:gd name="connsiteX14" fmla="*/ 458370 w 3830556"/>
              <a:gd name="connsiteY14" fmla="*/ 50921 h 2443918"/>
              <a:gd name="connsiteX15" fmla="*/ 548351 w 3830556"/>
              <a:gd name="connsiteY15" fmla="*/ 0 h 244391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3830556" h="2443918">
                <a:moveTo>
                  <a:pt x="548351" y="0"/>
                </a:moveTo>
                <a:lnTo>
                  <a:pt x="3726243" y="0"/>
                </a:lnTo>
                <a:cubicBezTo>
                  <a:pt x="3767026" y="0"/>
                  <a:pt x="3800010" y="22241"/>
                  <a:pt x="3817554" y="53222"/>
                </a:cubicBezTo>
                <a:lnTo>
                  <a:pt x="3830556" y="101660"/>
                </a:lnTo>
                <a:lnTo>
                  <a:pt x="3830556" y="107359"/>
                </a:lnTo>
                <a:lnTo>
                  <a:pt x="3816224" y="158882"/>
                </a:lnTo>
                <a:lnTo>
                  <a:pt x="2948645" y="1604361"/>
                </a:lnTo>
                <a:cubicBezTo>
                  <a:pt x="2938847" y="1620669"/>
                  <a:pt x="2933689" y="1639320"/>
                  <a:pt x="2933689" y="1658341"/>
                </a:cubicBezTo>
                <a:lnTo>
                  <a:pt x="2933689" y="2339017"/>
                </a:lnTo>
                <a:cubicBezTo>
                  <a:pt x="2933689" y="2396945"/>
                  <a:pt x="2886700" y="2443918"/>
                  <a:pt x="2828752" y="2443918"/>
                </a:cubicBezTo>
                <a:lnTo>
                  <a:pt x="104937" y="2443918"/>
                </a:lnTo>
                <a:cubicBezTo>
                  <a:pt x="46990" y="2443918"/>
                  <a:pt x="0" y="2396945"/>
                  <a:pt x="0" y="2339017"/>
                </a:cubicBezTo>
                <a:lnTo>
                  <a:pt x="0" y="843702"/>
                </a:lnTo>
                <a:cubicBezTo>
                  <a:pt x="0" y="824681"/>
                  <a:pt x="5183" y="806029"/>
                  <a:pt x="14956" y="789722"/>
                </a:cubicBezTo>
                <a:lnTo>
                  <a:pt x="458370" y="50921"/>
                </a:lnTo>
                <a:cubicBezTo>
                  <a:pt x="477324" y="19342"/>
                  <a:pt x="511480" y="0"/>
                  <a:pt x="548351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3" name="Plassholder for bilde 12">
            <a:extLst>
              <a:ext uri="{FF2B5EF4-FFF2-40B4-BE49-F238E27FC236}">
                <a16:creationId xmlns:a16="http://schemas.microsoft.com/office/drawing/2014/main" id="{8BD6D2F2-7E27-63B6-EE8C-A9E50E6A9049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3908358" y="1440000"/>
            <a:ext cx="4399712" cy="2443919"/>
          </a:xfrm>
          <a:custGeom>
            <a:avLst/>
            <a:gdLst>
              <a:gd name="connsiteX0" fmla="*/ 1037106 w 4399712"/>
              <a:gd name="connsiteY0" fmla="*/ 0 h 2443919"/>
              <a:gd name="connsiteX1" fmla="*/ 4294796 w 4399712"/>
              <a:gd name="connsiteY1" fmla="*/ 0 h 2443919"/>
              <a:gd name="connsiteX2" fmla="*/ 4391467 w 4399712"/>
              <a:gd name="connsiteY2" fmla="*/ 64073 h 2443919"/>
              <a:gd name="connsiteX3" fmla="*/ 4399712 w 4399712"/>
              <a:gd name="connsiteY3" fmla="*/ 104897 h 2443919"/>
              <a:gd name="connsiteX4" fmla="*/ 4399712 w 4399712"/>
              <a:gd name="connsiteY4" fmla="*/ 785581 h 2443919"/>
              <a:gd name="connsiteX5" fmla="*/ 4384760 w 4399712"/>
              <a:gd name="connsiteY5" fmla="*/ 839558 h 2443919"/>
              <a:gd name="connsiteX6" fmla="*/ 3452571 w 4399712"/>
              <a:gd name="connsiteY6" fmla="*/ 2392998 h 2443919"/>
              <a:gd name="connsiteX7" fmla="*/ 3362606 w 4399712"/>
              <a:gd name="connsiteY7" fmla="*/ 2443919 h 2443919"/>
              <a:gd name="connsiteX8" fmla="*/ 104917 w 4399712"/>
              <a:gd name="connsiteY8" fmla="*/ 2443919 h 2443919"/>
              <a:gd name="connsiteX9" fmla="*/ 0 w 4399712"/>
              <a:gd name="connsiteY9" fmla="*/ 2339018 h 2443919"/>
              <a:gd name="connsiteX10" fmla="*/ 0 w 4399712"/>
              <a:gd name="connsiteY10" fmla="*/ 1658342 h 2443919"/>
              <a:gd name="connsiteX11" fmla="*/ 14953 w 4399712"/>
              <a:gd name="connsiteY11" fmla="*/ 1604362 h 2443919"/>
              <a:gd name="connsiteX12" fmla="*/ 947142 w 4399712"/>
              <a:gd name="connsiteY12" fmla="*/ 50921 h 2443919"/>
              <a:gd name="connsiteX13" fmla="*/ 1037106 w 4399712"/>
              <a:gd name="connsiteY13" fmla="*/ 0 h 24439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4399712" h="2443919">
                <a:moveTo>
                  <a:pt x="1037106" y="0"/>
                </a:moveTo>
                <a:lnTo>
                  <a:pt x="4294796" y="0"/>
                </a:lnTo>
                <a:cubicBezTo>
                  <a:pt x="4338248" y="0"/>
                  <a:pt x="4375538" y="26423"/>
                  <a:pt x="4391467" y="64073"/>
                </a:cubicBezTo>
                <a:lnTo>
                  <a:pt x="4399712" y="104897"/>
                </a:lnTo>
                <a:lnTo>
                  <a:pt x="4399712" y="785581"/>
                </a:lnTo>
                <a:lnTo>
                  <a:pt x="4384760" y="839558"/>
                </a:lnTo>
                <a:lnTo>
                  <a:pt x="3452571" y="2392998"/>
                </a:lnTo>
                <a:cubicBezTo>
                  <a:pt x="3433621" y="2424577"/>
                  <a:pt x="3399470" y="2443919"/>
                  <a:pt x="3362606" y="2443919"/>
                </a:cubicBezTo>
                <a:lnTo>
                  <a:pt x="104917" y="2443919"/>
                </a:lnTo>
                <a:cubicBezTo>
                  <a:pt x="46981" y="2443919"/>
                  <a:pt x="0" y="2396946"/>
                  <a:pt x="0" y="2339018"/>
                </a:cubicBezTo>
                <a:lnTo>
                  <a:pt x="0" y="1658342"/>
                </a:lnTo>
                <a:cubicBezTo>
                  <a:pt x="0" y="1639321"/>
                  <a:pt x="5157" y="1620669"/>
                  <a:pt x="14953" y="1604362"/>
                </a:cubicBezTo>
                <a:lnTo>
                  <a:pt x="947142" y="50921"/>
                </a:lnTo>
                <a:cubicBezTo>
                  <a:pt x="966092" y="19342"/>
                  <a:pt x="1000242" y="0"/>
                  <a:pt x="103710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7" name="Plassholder for bilde 16">
            <a:extLst>
              <a:ext uri="{FF2B5EF4-FFF2-40B4-BE49-F238E27FC236}">
                <a16:creationId xmlns:a16="http://schemas.microsoft.com/office/drawing/2014/main" id="{D4A7F752-6730-DA5D-7E66-6B2420BADC7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549310" y="1440000"/>
            <a:ext cx="3830407" cy="2443340"/>
          </a:xfrm>
          <a:custGeom>
            <a:avLst/>
            <a:gdLst>
              <a:gd name="connsiteX0" fmla="*/ 1002348 w 3830407"/>
              <a:gd name="connsiteY0" fmla="*/ 0 h 2443340"/>
              <a:gd name="connsiteX1" fmla="*/ 3725495 w 3830407"/>
              <a:gd name="connsiteY1" fmla="*/ 0 h 2443340"/>
              <a:gd name="connsiteX2" fmla="*/ 3830407 w 3830407"/>
              <a:gd name="connsiteY2" fmla="*/ 104877 h 2443340"/>
              <a:gd name="connsiteX3" fmla="*/ 3830407 w 3830407"/>
              <a:gd name="connsiteY3" fmla="*/ 1599838 h 2443340"/>
              <a:gd name="connsiteX4" fmla="*/ 3815455 w 3830407"/>
              <a:gd name="connsiteY4" fmla="*/ 1653806 h 2443340"/>
              <a:gd name="connsiteX5" fmla="*/ 3372145 w 3830407"/>
              <a:gd name="connsiteY5" fmla="*/ 2392431 h 2443340"/>
              <a:gd name="connsiteX6" fmla="*/ 3372170 w 3830407"/>
              <a:gd name="connsiteY6" fmla="*/ 2392431 h 2443340"/>
              <a:gd name="connsiteX7" fmla="*/ 3282210 w 3830407"/>
              <a:gd name="connsiteY7" fmla="*/ 2443340 h 2443340"/>
              <a:gd name="connsiteX8" fmla="*/ 105069 w 3830407"/>
              <a:gd name="connsiteY8" fmla="*/ 2443340 h 2443340"/>
              <a:gd name="connsiteX9" fmla="*/ 15109 w 3830407"/>
              <a:gd name="connsiteY9" fmla="*/ 2284496 h 2443340"/>
              <a:gd name="connsiteX10" fmla="*/ 882484 w 3830407"/>
              <a:gd name="connsiteY10" fmla="*/ 839359 h 2443340"/>
              <a:gd name="connsiteX11" fmla="*/ 897436 w 3830407"/>
              <a:gd name="connsiteY11" fmla="*/ 785391 h 2443340"/>
              <a:gd name="connsiteX12" fmla="*/ 897436 w 3830407"/>
              <a:gd name="connsiteY12" fmla="*/ 104877 h 2443340"/>
              <a:gd name="connsiteX13" fmla="*/ 1002348 w 3830407"/>
              <a:gd name="connsiteY13" fmla="*/ 0 h 24433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3830407" h="2443340">
                <a:moveTo>
                  <a:pt x="1002348" y="0"/>
                </a:moveTo>
                <a:lnTo>
                  <a:pt x="3725495" y="0"/>
                </a:lnTo>
                <a:cubicBezTo>
                  <a:pt x="3783429" y="0"/>
                  <a:pt x="3830407" y="46963"/>
                  <a:pt x="3830407" y="104877"/>
                </a:cubicBezTo>
                <a:lnTo>
                  <a:pt x="3830407" y="1599838"/>
                </a:lnTo>
                <a:cubicBezTo>
                  <a:pt x="3830407" y="1618855"/>
                  <a:pt x="3825226" y="1637502"/>
                  <a:pt x="3815455" y="1653806"/>
                </a:cubicBezTo>
                <a:lnTo>
                  <a:pt x="3372145" y="2392431"/>
                </a:lnTo>
                <a:lnTo>
                  <a:pt x="3372170" y="2392431"/>
                </a:lnTo>
                <a:cubicBezTo>
                  <a:pt x="3353220" y="2424003"/>
                  <a:pt x="3319072" y="2443340"/>
                  <a:pt x="3282210" y="2443340"/>
                </a:cubicBezTo>
                <a:lnTo>
                  <a:pt x="105069" y="2443340"/>
                </a:lnTo>
                <a:cubicBezTo>
                  <a:pt x="23523" y="2443340"/>
                  <a:pt x="-26836" y="2354398"/>
                  <a:pt x="15109" y="2284496"/>
                </a:cubicBezTo>
                <a:lnTo>
                  <a:pt x="882484" y="839359"/>
                </a:lnTo>
                <a:cubicBezTo>
                  <a:pt x="892279" y="823055"/>
                  <a:pt x="897436" y="804408"/>
                  <a:pt x="897436" y="785391"/>
                </a:cubicBezTo>
                <a:lnTo>
                  <a:pt x="897436" y="104877"/>
                </a:lnTo>
                <a:cubicBezTo>
                  <a:pt x="897436" y="46963"/>
                  <a:pt x="944414" y="0"/>
                  <a:pt x="1002348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3" name="Tittel 1">
            <a:extLst>
              <a:ext uri="{FF2B5EF4-FFF2-40B4-BE49-F238E27FC236}">
                <a16:creationId xmlns:a16="http://schemas.microsoft.com/office/drawing/2014/main" id="{12A3365F-497D-A274-20B3-AFC779FE2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3919273529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 og bilder (v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CB5DEFFC-D7C4-6B35-6CEB-9E471EACDB7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45" name="Plassholder for innhold 3">
            <a:extLst>
              <a:ext uri="{FF2B5EF4-FFF2-40B4-BE49-F238E27FC236}">
                <a16:creationId xmlns:a16="http://schemas.microsoft.com/office/drawing/2014/main" id="{D803BA19-787A-BF2B-4B32-3940DD68E85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4716000"/>
            <a:ext cx="3431924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6" name="Plassholder for innhold 3">
            <a:extLst>
              <a:ext uri="{FF2B5EF4-FFF2-40B4-BE49-F238E27FC236}">
                <a16:creationId xmlns:a16="http://schemas.microsoft.com/office/drawing/2014/main" id="{2184F4D8-439E-8411-8CAC-50791DB90DBB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421750" y="4716000"/>
            <a:ext cx="3431924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7" name="Plassholder for innhold 3">
            <a:extLst>
              <a:ext uri="{FF2B5EF4-FFF2-40B4-BE49-F238E27FC236}">
                <a16:creationId xmlns:a16="http://schemas.microsoft.com/office/drawing/2014/main" id="{716427F7-B558-E305-F237-770008E04BF9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7997827" y="4716000"/>
            <a:ext cx="3354386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8" name="Plassholder for tekst 2">
            <a:extLst>
              <a:ext uri="{FF2B5EF4-FFF2-40B4-BE49-F238E27FC236}">
                <a16:creationId xmlns:a16="http://schemas.microsoft.com/office/drawing/2014/main" id="{4C7E3C2E-8599-08BA-7124-C35BFD36608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997827" y="3996000"/>
            <a:ext cx="3354386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49" name="Plassholder for tekst 2">
            <a:extLst>
              <a:ext uri="{FF2B5EF4-FFF2-40B4-BE49-F238E27FC236}">
                <a16:creationId xmlns:a16="http://schemas.microsoft.com/office/drawing/2014/main" id="{D9D54EDD-FD96-438A-C2B8-5E625E1C779A}"/>
              </a:ext>
            </a:extLst>
          </p:cNvPr>
          <p:cNvSpPr>
            <a:spLocks noGrp="1"/>
          </p:cNvSpPr>
          <p:nvPr>
            <p:ph type="body" idx="17" hasCustomPrompt="1"/>
          </p:nvPr>
        </p:nvSpPr>
        <p:spPr>
          <a:xfrm>
            <a:off x="4416551" y="3996000"/>
            <a:ext cx="3431924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50" name="Plassholder for tekst 2">
            <a:extLst>
              <a:ext uri="{FF2B5EF4-FFF2-40B4-BE49-F238E27FC236}">
                <a16:creationId xmlns:a16="http://schemas.microsoft.com/office/drawing/2014/main" id="{321B0A13-19E8-6EAF-D8A6-C099FA37D055}"/>
              </a:ext>
            </a:extLst>
          </p:cNvPr>
          <p:cNvSpPr>
            <a:spLocks noGrp="1"/>
          </p:cNvSpPr>
          <p:nvPr>
            <p:ph type="body" idx="18" hasCustomPrompt="1"/>
          </p:nvPr>
        </p:nvSpPr>
        <p:spPr>
          <a:xfrm>
            <a:off x="834471" y="3996000"/>
            <a:ext cx="3431924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57" name="Plassholder for bilde 56">
            <a:extLst>
              <a:ext uri="{FF2B5EF4-FFF2-40B4-BE49-F238E27FC236}">
                <a16:creationId xmlns:a16="http://schemas.microsoft.com/office/drawing/2014/main" id="{35E2E2E9-C287-ADEC-0E99-EC0A6AAD127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35276" y="1440000"/>
            <a:ext cx="3431925" cy="2451127"/>
          </a:xfrm>
          <a:custGeom>
            <a:avLst/>
            <a:gdLst>
              <a:gd name="connsiteX0" fmla="*/ 549879 w 3431925"/>
              <a:gd name="connsiteY0" fmla="*/ 0 h 2451127"/>
              <a:gd name="connsiteX1" fmla="*/ 3326944 w 3431925"/>
              <a:gd name="connsiteY1" fmla="*/ 0 h 2451127"/>
              <a:gd name="connsiteX2" fmla="*/ 3423904 w 3431925"/>
              <a:gd name="connsiteY2" fmla="*/ 64267 h 2451127"/>
              <a:gd name="connsiteX3" fmla="*/ 3431925 w 3431925"/>
              <a:gd name="connsiteY3" fmla="*/ 103986 h 2451127"/>
              <a:gd name="connsiteX4" fmla="*/ 3431925 w 3431925"/>
              <a:gd name="connsiteY4" fmla="*/ 2347355 h 2451127"/>
              <a:gd name="connsiteX5" fmla="*/ 3423904 w 3431925"/>
              <a:gd name="connsiteY5" fmla="*/ 2387075 h 2451127"/>
              <a:gd name="connsiteX6" fmla="*/ 3367901 w 3431925"/>
              <a:gd name="connsiteY6" fmla="*/ 2443071 h 2451127"/>
              <a:gd name="connsiteX7" fmla="*/ 3328004 w 3431925"/>
              <a:gd name="connsiteY7" fmla="*/ 2451127 h 2451127"/>
              <a:gd name="connsiteX8" fmla="*/ 2555722 w 3431925"/>
              <a:gd name="connsiteY8" fmla="*/ 2451127 h 2451127"/>
              <a:gd name="connsiteX9" fmla="*/ 2515825 w 3431925"/>
              <a:gd name="connsiteY9" fmla="*/ 2443071 h 2451127"/>
              <a:gd name="connsiteX10" fmla="*/ 2451552 w 3431925"/>
              <a:gd name="connsiteY10" fmla="*/ 2346122 h 2451127"/>
              <a:gd name="connsiteX11" fmla="*/ 2451552 w 3431925"/>
              <a:gd name="connsiteY11" fmla="*/ 2014108 h 2451127"/>
              <a:gd name="connsiteX12" fmla="*/ 2256092 w 3431925"/>
              <a:gd name="connsiteY12" fmla="*/ 1959964 h 2451127"/>
              <a:gd name="connsiteX13" fmla="*/ 1991905 w 3431925"/>
              <a:gd name="connsiteY13" fmla="*/ 2400241 h 2451127"/>
              <a:gd name="connsiteX14" fmla="*/ 1953527 w 3431925"/>
              <a:gd name="connsiteY14" fmla="*/ 2437657 h 2451127"/>
              <a:gd name="connsiteX15" fmla="*/ 1902391 w 3431925"/>
              <a:gd name="connsiteY15" fmla="*/ 2451127 h 2451127"/>
              <a:gd name="connsiteX16" fmla="*/ 104293 w 3431925"/>
              <a:gd name="connsiteY16" fmla="*/ 2451127 h 2451127"/>
              <a:gd name="connsiteX17" fmla="*/ 64273 w 3431925"/>
              <a:gd name="connsiteY17" fmla="*/ 2443047 h 2451127"/>
              <a:gd name="connsiteX18" fmla="*/ 0 w 3431925"/>
              <a:gd name="connsiteY18" fmla="*/ 2346097 h 2451127"/>
              <a:gd name="connsiteX19" fmla="*/ 0 w 3431925"/>
              <a:gd name="connsiteY19" fmla="*/ 846256 h 2451127"/>
              <a:gd name="connsiteX20" fmla="*/ 14997 w 3431925"/>
              <a:gd name="connsiteY20" fmla="*/ 792112 h 2451127"/>
              <a:gd name="connsiteX21" fmla="*/ 459647 w 3431925"/>
              <a:gd name="connsiteY21" fmla="*/ 51075 h 2451127"/>
              <a:gd name="connsiteX22" fmla="*/ 549879 w 3431925"/>
              <a:gd name="connsiteY22" fmla="*/ 0 h 24511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</a:cxnLst>
            <a:rect l="l" t="t" r="r" b="b"/>
            <a:pathLst>
              <a:path w="3431925" h="2451127">
                <a:moveTo>
                  <a:pt x="549879" y="0"/>
                </a:moveTo>
                <a:lnTo>
                  <a:pt x="3326944" y="0"/>
                </a:lnTo>
                <a:cubicBezTo>
                  <a:pt x="3370526" y="0"/>
                  <a:pt x="3407927" y="26503"/>
                  <a:pt x="3423904" y="64267"/>
                </a:cubicBezTo>
                <a:lnTo>
                  <a:pt x="3431925" y="103986"/>
                </a:lnTo>
                <a:lnTo>
                  <a:pt x="3431925" y="2347355"/>
                </a:lnTo>
                <a:lnTo>
                  <a:pt x="3423904" y="2387075"/>
                </a:lnTo>
                <a:cubicBezTo>
                  <a:pt x="3413253" y="2412250"/>
                  <a:pt x="3393080" y="2432421"/>
                  <a:pt x="3367901" y="2443071"/>
                </a:cubicBezTo>
                <a:lnTo>
                  <a:pt x="3328004" y="2451127"/>
                </a:lnTo>
                <a:lnTo>
                  <a:pt x="2555722" y="2451127"/>
                </a:lnTo>
                <a:lnTo>
                  <a:pt x="2515825" y="2443071"/>
                </a:lnTo>
                <a:cubicBezTo>
                  <a:pt x="2478058" y="2427096"/>
                  <a:pt x="2451552" y="2389699"/>
                  <a:pt x="2451552" y="2346122"/>
                </a:cubicBezTo>
                <a:lnTo>
                  <a:pt x="2451552" y="2014108"/>
                </a:lnTo>
                <a:cubicBezTo>
                  <a:pt x="2451552" y="1907379"/>
                  <a:pt x="2311008" y="1868454"/>
                  <a:pt x="2256092" y="1959964"/>
                </a:cubicBezTo>
                <a:lnTo>
                  <a:pt x="1991905" y="2400241"/>
                </a:lnTo>
                <a:cubicBezTo>
                  <a:pt x="1982402" y="2416079"/>
                  <a:pt x="1969087" y="2428847"/>
                  <a:pt x="1953527" y="2437657"/>
                </a:cubicBezTo>
                <a:lnTo>
                  <a:pt x="1902391" y="2451127"/>
                </a:lnTo>
                <a:lnTo>
                  <a:pt x="104293" y="2451127"/>
                </a:lnTo>
                <a:lnTo>
                  <a:pt x="64273" y="2443047"/>
                </a:lnTo>
                <a:cubicBezTo>
                  <a:pt x="26505" y="2427072"/>
                  <a:pt x="0" y="2389674"/>
                  <a:pt x="0" y="2346097"/>
                </a:cubicBezTo>
                <a:lnTo>
                  <a:pt x="0" y="846256"/>
                </a:lnTo>
                <a:cubicBezTo>
                  <a:pt x="0" y="827177"/>
                  <a:pt x="5197" y="808470"/>
                  <a:pt x="14997" y="792112"/>
                </a:cubicBezTo>
                <a:lnTo>
                  <a:pt x="459647" y="51075"/>
                </a:lnTo>
                <a:cubicBezTo>
                  <a:pt x="478654" y="19400"/>
                  <a:pt x="512905" y="0"/>
                  <a:pt x="549879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59" name="Plassholder for bilde 58">
            <a:extLst>
              <a:ext uri="{FF2B5EF4-FFF2-40B4-BE49-F238E27FC236}">
                <a16:creationId xmlns:a16="http://schemas.microsoft.com/office/drawing/2014/main" id="{82CB5698-CB5D-5487-1D34-525BE806C3A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416551" y="1440000"/>
            <a:ext cx="3432174" cy="2451127"/>
          </a:xfrm>
          <a:custGeom>
            <a:avLst/>
            <a:gdLst>
              <a:gd name="connsiteX0" fmla="*/ 105229 w 3432174"/>
              <a:gd name="connsiteY0" fmla="*/ 0 h 2451127"/>
              <a:gd name="connsiteX1" fmla="*/ 3326944 w 3432174"/>
              <a:gd name="connsiteY1" fmla="*/ 0 h 2451127"/>
              <a:gd name="connsiteX2" fmla="*/ 3432174 w 3432174"/>
              <a:gd name="connsiteY2" fmla="*/ 105219 h 2451127"/>
              <a:gd name="connsiteX3" fmla="*/ 3432174 w 3432174"/>
              <a:gd name="connsiteY3" fmla="*/ 2346097 h 2451127"/>
              <a:gd name="connsiteX4" fmla="*/ 3367904 w 3432174"/>
              <a:gd name="connsiteY4" fmla="*/ 2443048 h 2451127"/>
              <a:gd name="connsiteX5" fmla="*/ 3327880 w 3432174"/>
              <a:gd name="connsiteY5" fmla="*/ 2451127 h 2451127"/>
              <a:gd name="connsiteX6" fmla="*/ 104293 w 3432174"/>
              <a:gd name="connsiteY6" fmla="*/ 2451127 h 2451127"/>
              <a:gd name="connsiteX7" fmla="*/ 64269 w 3432174"/>
              <a:gd name="connsiteY7" fmla="*/ 2443048 h 2451127"/>
              <a:gd name="connsiteX8" fmla="*/ 0 w 3432174"/>
              <a:gd name="connsiteY8" fmla="*/ 2346097 h 2451127"/>
              <a:gd name="connsiteX9" fmla="*/ 0 w 3432174"/>
              <a:gd name="connsiteY9" fmla="*/ 105219 h 2451127"/>
              <a:gd name="connsiteX10" fmla="*/ 105229 w 3432174"/>
              <a:gd name="connsiteY10" fmla="*/ 0 h 24511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432174" h="2451127">
                <a:moveTo>
                  <a:pt x="105229" y="0"/>
                </a:moveTo>
                <a:lnTo>
                  <a:pt x="3326944" y="0"/>
                </a:lnTo>
                <a:cubicBezTo>
                  <a:pt x="3385061" y="0"/>
                  <a:pt x="3432174" y="47108"/>
                  <a:pt x="3432174" y="105219"/>
                </a:cubicBezTo>
                <a:lnTo>
                  <a:pt x="3432174" y="2346097"/>
                </a:lnTo>
                <a:cubicBezTo>
                  <a:pt x="3432174" y="2389680"/>
                  <a:pt x="3405673" y="2427074"/>
                  <a:pt x="3367904" y="2443048"/>
                </a:cubicBezTo>
                <a:lnTo>
                  <a:pt x="3327880" y="2451127"/>
                </a:lnTo>
                <a:lnTo>
                  <a:pt x="104293" y="2451127"/>
                </a:lnTo>
                <a:lnTo>
                  <a:pt x="64269" y="2443048"/>
                </a:lnTo>
                <a:cubicBezTo>
                  <a:pt x="26501" y="2427074"/>
                  <a:pt x="0" y="2389680"/>
                  <a:pt x="0" y="2346097"/>
                </a:cubicBezTo>
                <a:lnTo>
                  <a:pt x="0" y="105219"/>
                </a:lnTo>
                <a:cubicBezTo>
                  <a:pt x="0" y="47108"/>
                  <a:pt x="47113" y="0"/>
                  <a:pt x="105229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60" name="Plassholder for bilde 59">
            <a:extLst>
              <a:ext uri="{FF2B5EF4-FFF2-40B4-BE49-F238E27FC236}">
                <a16:creationId xmlns:a16="http://schemas.microsoft.com/office/drawing/2014/main" id="{5DA9F940-49AE-8A0B-CEFD-A40491F4C0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997827" y="1440000"/>
            <a:ext cx="3432174" cy="2451127"/>
          </a:xfrm>
          <a:custGeom>
            <a:avLst/>
            <a:gdLst>
              <a:gd name="connsiteX0" fmla="*/ 105229 w 3432174"/>
              <a:gd name="connsiteY0" fmla="*/ 0 h 2451127"/>
              <a:gd name="connsiteX1" fmla="*/ 875392 w 3432174"/>
              <a:gd name="connsiteY1" fmla="*/ 0 h 2451127"/>
              <a:gd name="connsiteX2" fmla="*/ 980621 w 3432174"/>
              <a:gd name="connsiteY2" fmla="*/ 105219 h 2451127"/>
              <a:gd name="connsiteX3" fmla="*/ 980621 w 3432174"/>
              <a:gd name="connsiteY3" fmla="*/ 437208 h 2451127"/>
              <a:gd name="connsiteX4" fmla="*/ 1176082 w 3432174"/>
              <a:gd name="connsiteY4" fmla="*/ 491352 h 2451127"/>
              <a:gd name="connsiteX5" fmla="*/ 1440268 w 3432174"/>
              <a:gd name="connsiteY5" fmla="*/ 51075 h 2451127"/>
              <a:gd name="connsiteX6" fmla="*/ 1530500 w 3432174"/>
              <a:gd name="connsiteY6" fmla="*/ 0 h 2451127"/>
              <a:gd name="connsiteX7" fmla="*/ 3326944 w 3432174"/>
              <a:gd name="connsiteY7" fmla="*/ 0 h 2451127"/>
              <a:gd name="connsiteX8" fmla="*/ 3432174 w 3432174"/>
              <a:gd name="connsiteY8" fmla="*/ 105219 h 2451127"/>
              <a:gd name="connsiteX9" fmla="*/ 3432174 w 3432174"/>
              <a:gd name="connsiteY9" fmla="*/ 1605060 h 2451127"/>
              <a:gd name="connsiteX10" fmla="*/ 3417176 w 3432174"/>
              <a:gd name="connsiteY10" fmla="*/ 1659204 h 2451127"/>
              <a:gd name="connsiteX11" fmla="*/ 2972526 w 3432174"/>
              <a:gd name="connsiteY11" fmla="*/ 2400241 h 2451127"/>
              <a:gd name="connsiteX12" fmla="*/ 2934148 w 3432174"/>
              <a:gd name="connsiteY12" fmla="*/ 2437657 h 2451127"/>
              <a:gd name="connsiteX13" fmla="*/ 2883012 w 3432174"/>
              <a:gd name="connsiteY13" fmla="*/ 2451127 h 2451127"/>
              <a:gd name="connsiteX14" fmla="*/ 104293 w 3432174"/>
              <a:gd name="connsiteY14" fmla="*/ 2451127 h 2451127"/>
              <a:gd name="connsiteX15" fmla="*/ 64273 w 3432174"/>
              <a:gd name="connsiteY15" fmla="*/ 2443046 h 2451127"/>
              <a:gd name="connsiteX16" fmla="*/ 0 w 3432174"/>
              <a:gd name="connsiteY16" fmla="*/ 2346097 h 2451127"/>
              <a:gd name="connsiteX17" fmla="*/ 0 w 3432174"/>
              <a:gd name="connsiteY17" fmla="*/ 105219 h 2451127"/>
              <a:gd name="connsiteX18" fmla="*/ 105229 w 3432174"/>
              <a:gd name="connsiteY18" fmla="*/ 0 h 24511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3432174" h="2451127">
                <a:moveTo>
                  <a:pt x="105229" y="0"/>
                </a:moveTo>
                <a:lnTo>
                  <a:pt x="875392" y="0"/>
                </a:lnTo>
                <a:cubicBezTo>
                  <a:pt x="933501" y="0"/>
                  <a:pt x="980621" y="47116"/>
                  <a:pt x="980621" y="105219"/>
                </a:cubicBezTo>
                <a:lnTo>
                  <a:pt x="980621" y="437208"/>
                </a:lnTo>
                <a:cubicBezTo>
                  <a:pt x="980621" y="543937"/>
                  <a:pt x="1121166" y="582862"/>
                  <a:pt x="1176082" y="491352"/>
                </a:cubicBezTo>
                <a:lnTo>
                  <a:pt x="1440268" y="51075"/>
                </a:lnTo>
                <a:cubicBezTo>
                  <a:pt x="1459275" y="19400"/>
                  <a:pt x="1493526" y="0"/>
                  <a:pt x="1530500" y="0"/>
                </a:cubicBezTo>
                <a:lnTo>
                  <a:pt x="3326944" y="0"/>
                </a:lnTo>
                <a:cubicBezTo>
                  <a:pt x="3385053" y="0"/>
                  <a:pt x="3432174" y="47116"/>
                  <a:pt x="3432174" y="105219"/>
                </a:cubicBezTo>
                <a:lnTo>
                  <a:pt x="3432174" y="1605060"/>
                </a:lnTo>
                <a:cubicBezTo>
                  <a:pt x="3432174" y="1624140"/>
                  <a:pt x="3426977" y="1642847"/>
                  <a:pt x="3417176" y="1659204"/>
                </a:cubicBezTo>
                <a:lnTo>
                  <a:pt x="2972526" y="2400241"/>
                </a:lnTo>
                <a:cubicBezTo>
                  <a:pt x="2963023" y="2416079"/>
                  <a:pt x="2949708" y="2428847"/>
                  <a:pt x="2934148" y="2437657"/>
                </a:cubicBezTo>
                <a:lnTo>
                  <a:pt x="2883012" y="2451127"/>
                </a:lnTo>
                <a:lnTo>
                  <a:pt x="104293" y="2451127"/>
                </a:lnTo>
                <a:lnTo>
                  <a:pt x="64273" y="2443046"/>
                </a:lnTo>
                <a:cubicBezTo>
                  <a:pt x="26506" y="2427071"/>
                  <a:pt x="0" y="2389674"/>
                  <a:pt x="0" y="2346097"/>
                </a:cubicBezTo>
                <a:lnTo>
                  <a:pt x="0" y="105219"/>
                </a:lnTo>
                <a:cubicBezTo>
                  <a:pt x="0" y="47116"/>
                  <a:pt x="47121" y="0"/>
                  <a:pt x="105229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3" name="Tittel 1">
            <a:extLst>
              <a:ext uri="{FF2B5EF4-FFF2-40B4-BE49-F238E27FC236}">
                <a16:creationId xmlns:a16="http://schemas.microsoft.com/office/drawing/2014/main" id="{B3A0DF41-453F-C4CC-F064-5F0B4797019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347472903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 og bilder (v4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3014582" cy="72000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4584D2C2-3047-F5B1-9469-B34CB1CAA8D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4175999"/>
            <a:ext cx="3014582" cy="187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2" name="Plassholder for innhold 3">
            <a:extLst>
              <a:ext uri="{FF2B5EF4-FFF2-40B4-BE49-F238E27FC236}">
                <a16:creationId xmlns:a16="http://schemas.microsoft.com/office/drawing/2014/main" id="{03BCF634-F098-4E9B-362B-BEC149EF681E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588710" y="4175999"/>
            <a:ext cx="3014582" cy="187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4" name="Plassholder for innhold 3">
            <a:extLst>
              <a:ext uri="{FF2B5EF4-FFF2-40B4-BE49-F238E27FC236}">
                <a16:creationId xmlns:a16="http://schemas.microsoft.com/office/drawing/2014/main" id="{ACFE2AC3-F6C8-83B5-11BA-7BC0E59E0F94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8337631" y="4175999"/>
            <a:ext cx="3014582" cy="187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CB5DEFFC-D7C4-6B35-6CEB-9E471EACDB7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5" name="Plassholder for bilde 7">
            <a:extLst>
              <a:ext uri="{FF2B5EF4-FFF2-40B4-BE49-F238E27FC236}">
                <a16:creationId xmlns:a16="http://schemas.microsoft.com/office/drawing/2014/main" id="{F9D0DD48-D3B5-E6B7-A0AD-3711AFFC6E2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838800" y="2268000"/>
            <a:ext cx="3023765" cy="180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579B4212-6066-1936-99A9-F11830993D55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4584795" y="1439999"/>
            <a:ext cx="3014582" cy="72000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9" name="Plassholder for bilde 7">
            <a:extLst>
              <a:ext uri="{FF2B5EF4-FFF2-40B4-BE49-F238E27FC236}">
                <a16:creationId xmlns:a16="http://schemas.microsoft.com/office/drawing/2014/main" id="{9FF8982C-B885-8393-46D0-D8BEC14E2DE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83806" y="2268000"/>
            <a:ext cx="3023765" cy="180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5" name="Plassholder for tekst 2">
            <a:extLst>
              <a:ext uri="{FF2B5EF4-FFF2-40B4-BE49-F238E27FC236}">
                <a16:creationId xmlns:a16="http://schemas.microsoft.com/office/drawing/2014/main" id="{3DAF464D-5150-2CD2-B287-E5DE65E0CEB1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336524" y="1439999"/>
            <a:ext cx="3014582" cy="72000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6" name="Plassholder for bilde 7">
            <a:extLst>
              <a:ext uri="{FF2B5EF4-FFF2-40B4-BE49-F238E27FC236}">
                <a16:creationId xmlns:a16="http://schemas.microsoft.com/office/drawing/2014/main" id="{C4CB5FB2-868E-866B-B7FA-1A4A8EBBDB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35535" y="2268000"/>
            <a:ext cx="3023765" cy="180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1" name="Tittel 1">
            <a:extLst>
              <a:ext uri="{FF2B5EF4-FFF2-40B4-BE49-F238E27FC236}">
                <a16:creationId xmlns:a16="http://schemas.microsoft.com/office/drawing/2014/main" id="{0321C738-ECD7-CCB3-D765-A186C53694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3431842989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 og bilder (v5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4482000"/>
            <a:ext cx="3014582" cy="601200"/>
          </a:xfrm>
        </p:spPr>
        <p:txBody>
          <a:bodyPr tIns="0" bIns="0" anchor="b">
            <a:noAutofit/>
          </a:bodyPr>
          <a:lstStyle>
            <a:lvl1pPr marL="0" indent="0" algn="l">
              <a:spcBef>
                <a:spcPts val="0"/>
              </a:spcBef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4584D2C2-3047-F5B1-9469-B34CB1CAA8D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5183999"/>
            <a:ext cx="3014582" cy="846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2" name="Plassholder for innhold 3">
            <a:extLst>
              <a:ext uri="{FF2B5EF4-FFF2-40B4-BE49-F238E27FC236}">
                <a16:creationId xmlns:a16="http://schemas.microsoft.com/office/drawing/2014/main" id="{03BCF634-F098-4E9B-362B-BEC149EF681E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588710" y="5183999"/>
            <a:ext cx="3014582" cy="846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4" name="Plassholder for innhold 3">
            <a:extLst>
              <a:ext uri="{FF2B5EF4-FFF2-40B4-BE49-F238E27FC236}">
                <a16:creationId xmlns:a16="http://schemas.microsoft.com/office/drawing/2014/main" id="{ACFE2AC3-F6C8-83B5-11BA-7BC0E59E0F94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8337631" y="5183999"/>
            <a:ext cx="3014582" cy="846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CB5DEFFC-D7C4-6B35-6CEB-9E471EACDB7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579B4212-6066-1936-99A9-F11830993D55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4584795" y="4482000"/>
            <a:ext cx="3014582" cy="601200"/>
          </a:xfrm>
        </p:spPr>
        <p:txBody>
          <a:bodyPr tIns="0" bIns="0" anchor="b">
            <a:noAutofit/>
          </a:bodyPr>
          <a:lstStyle>
            <a:lvl1pPr marL="0" indent="0" algn="l">
              <a:spcBef>
                <a:spcPts val="0"/>
              </a:spcBef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5" name="Plassholder for tekst 2">
            <a:extLst>
              <a:ext uri="{FF2B5EF4-FFF2-40B4-BE49-F238E27FC236}">
                <a16:creationId xmlns:a16="http://schemas.microsoft.com/office/drawing/2014/main" id="{3DAF464D-5150-2CD2-B287-E5DE65E0CEB1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336524" y="4482000"/>
            <a:ext cx="3014582" cy="601200"/>
          </a:xfrm>
        </p:spPr>
        <p:txBody>
          <a:bodyPr tIns="0" bIns="0" anchor="b">
            <a:noAutofit/>
          </a:bodyPr>
          <a:lstStyle>
            <a:lvl1pPr marL="0" indent="0" algn="l">
              <a:spcBef>
                <a:spcPts val="0"/>
              </a:spcBef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0" name="Plassholder for bilde 16">
            <a:extLst>
              <a:ext uri="{FF2B5EF4-FFF2-40B4-BE49-F238E27FC236}">
                <a16:creationId xmlns:a16="http://schemas.microsoft.com/office/drawing/2014/main" id="{990A069D-E127-22E5-9FB1-B3DF0EABFE8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6695" y="838800"/>
            <a:ext cx="3013365" cy="3415283"/>
          </a:xfrm>
          <a:custGeom>
            <a:avLst/>
            <a:gdLst>
              <a:gd name="connsiteX0" fmla="*/ 675893 w 3013365"/>
              <a:gd name="connsiteY0" fmla="*/ 0 h 3415283"/>
              <a:gd name="connsiteX1" fmla="*/ 2884021 w 3013365"/>
              <a:gd name="connsiteY1" fmla="*/ 0 h 3415283"/>
              <a:gd name="connsiteX2" fmla="*/ 3013365 w 3013365"/>
              <a:gd name="connsiteY2" fmla="*/ 129349 h 3415283"/>
              <a:gd name="connsiteX3" fmla="*/ 3013365 w 3013365"/>
              <a:gd name="connsiteY3" fmla="*/ 3285934 h 3415283"/>
              <a:gd name="connsiteX4" fmla="*/ 2884021 w 3013365"/>
              <a:gd name="connsiteY4" fmla="*/ 3415283 h 3415283"/>
              <a:gd name="connsiteX5" fmla="*/ 129344 w 3013365"/>
              <a:gd name="connsiteY5" fmla="*/ 3415283 h 3415283"/>
              <a:gd name="connsiteX6" fmla="*/ 0 w 3013365"/>
              <a:gd name="connsiteY6" fmla="*/ 3285934 h 3415283"/>
              <a:gd name="connsiteX7" fmla="*/ 0 w 3013365"/>
              <a:gd name="connsiteY7" fmla="*/ 1040331 h 3415283"/>
              <a:gd name="connsiteX8" fmla="*/ 18434 w 3013365"/>
              <a:gd name="connsiteY8" fmla="*/ 973770 h 3415283"/>
              <a:gd name="connsiteX9" fmla="*/ 564983 w 3013365"/>
              <a:gd name="connsiteY9" fmla="*/ 62789 h 3415283"/>
              <a:gd name="connsiteX10" fmla="*/ 675893 w 3013365"/>
              <a:gd name="connsiteY10" fmla="*/ 0 h 341528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013365" h="3415283">
                <a:moveTo>
                  <a:pt x="675893" y="0"/>
                </a:moveTo>
                <a:lnTo>
                  <a:pt x="2884021" y="0"/>
                </a:lnTo>
                <a:cubicBezTo>
                  <a:pt x="2955446" y="0"/>
                  <a:pt x="3013365" y="57921"/>
                  <a:pt x="3013365" y="129349"/>
                </a:cubicBezTo>
                <a:lnTo>
                  <a:pt x="3013365" y="3285934"/>
                </a:lnTo>
                <a:cubicBezTo>
                  <a:pt x="3013365" y="3357361"/>
                  <a:pt x="2955446" y="3415283"/>
                  <a:pt x="2884021" y="3415283"/>
                </a:cubicBezTo>
                <a:lnTo>
                  <a:pt x="129344" y="3415283"/>
                </a:lnTo>
                <a:cubicBezTo>
                  <a:pt x="57919" y="3415283"/>
                  <a:pt x="0" y="3357361"/>
                  <a:pt x="0" y="3285934"/>
                </a:cubicBezTo>
                <a:lnTo>
                  <a:pt x="0" y="1040331"/>
                </a:lnTo>
                <a:cubicBezTo>
                  <a:pt x="0" y="1016876"/>
                  <a:pt x="6388" y="993878"/>
                  <a:pt x="18434" y="973770"/>
                </a:cubicBezTo>
                <a:lnTo>
                  <a:pt x="564983" y="62789"/>
                </a:lnTo>
                <a:cubicBezTo>
                  <a:pt x="588345" y="23850"/>
                  <a:pt x="630446" y="0"/>
                  <a:pt x="675893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1" name="Plassholder for bilde 17">
            <a:extLst>
              <a:ext uri="{FF2B5EF4-FFF2-40B4-BE49-F238E27FC236}">
                <a16:creationId xmlns:a16="http://schemas.microsoft.com/office/drawing/2014/main" id="{64B13F93-E080-D5E1-8755-218C088B977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589932" y="838800"/>
            <a:ext cx="3013365" cy="3415282"/>
          </a:xfrm>
          <a:custGeom>
            <a:avLst/>
            <a:gdLst>
              <a:gd name="connsiteX0" fmla="*/ 129344 w 3013365"/>
              <a:gd name="connsiteY0" fmla="*/ 0 h 3415282"/>
              <a:gd name="connsiteX1" fmla="*/ 2884021 w 3013365"/>
              <a:gd name="connsiteY1" fmla="*/ 0 h 3415282"/>
              <a:gd name="connsiteX2" fmla="*/ 3013365 w 3013365"/>
              <a:gd name="connsiteY2" fmla="*/ 129349 h 3415282"/>
              <a:gd name="connsiteX3" fmla="*/ 3013365 w 3013365"/>
              <a:gd name="connsiteY3" fmla="*/ 3285933 h 3415282"/>
              <a:gd name="connsiteX4" fmla="*/ 2884021 w 3013365"/>
              <a:gd name="connsiteY4" fmla="*/ 3415282 h 3415282"/>
              <a:gd name="connsiteX5" fmla="*/ 129344 w 3013365"/>
              <a:gd name="connsiteY5" fmla="*/ 3415282 h 3415282"/>
              <a:gd name="connsiteX6" fmla="*/ 0 w 3013365"/>
              <a:gd name="connsiteY6" fmla="*/ 3285933 h 3415282"/>
              <a:gd name="connsiteX7" fmla="*/ 0 w 3013365"/>
              <a:gd name="connsiteY7" fmla="*/ 129349 h 3415282"/>
              <a:gd name="connsiteX8" fmla="*/ 129344 w 3013365"/>
              <a:gd name="connsiteY8" fmla="*/ 0 h 34152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013365" h="3415282">
                <a:moveTo>
                  <a:pt x="129344" y="0"/>
                </a:moveTo>
                <a:lnTo>
                  <a:pt x="2884021" y="0"/>
                </a:lnTo>
                <a:cubicBezTo>
                  <a:pt x="2955456" y="0"/>
                  <a:pt x="3013365" y="57912"/>
                  <a:pt x="3013365" y="129349"/>
                </a:cubicBezTo>
                <a:lnTo>
                  <a:pt x="3013365" y="3285933"/>
                </a:lnTo>
                <a:cubicBezTo>
                  <a:pt x="3013365" y="3357370"/>
                  <a:pt x="2955456" y="3415282"/>
                  <a:pt x="2884021" y="3415282"/>
                </a:cubicBezTo>
                <a:lnTo>
                  <a:pt x="129344" y="3415282"/>
                </a:lnTo>
                <a:cubicBezTo>
                  <a:pt x="57909" y="3415282"/>
                  <a:pt x="0" y="3357370"/>
                  <a:pt x="0" y="3285933"/>
                </a:cubicBezTo>
                <a:lnTo>
                  <a:pt x="0" y="129349"/>
                </a:lnTo>
                <a:cubicBezTo>
                  <a:pt x="0" y="57912"/>
                  <a:pt x="57909" y="0"/>
                  <a:pt x="12934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3" name="Plassholder for bilde 18">
            <a:extLst>
              <a:ext uri="{FF2B5EF4-FFF2-40B4-BE49-F238E27FC236}">
                <a16:creationId xmlns:a16="http://schemas.microsoft.com/office/drawing/2014/main" id="{8784F1D7-4DBA-AC72-EC4D-4DFC757A4AF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8340726" y="838800"/>
            <a:ext cx="3011858" cy="3413573"/>
          </a:xfrm>
          <a:custGeom>
            <a:avLst/>
            <a:gdLst>
              <a:gd name="connsiteX0" fmla="*/ 129279 w 3011858"/>
              <a:gd name="connsiteY0" fmla="*/ 0 h 3413573"/>
              <a:gd name="connsiteX1" fmla="*/ 2882579 w 3011858"/>
              <a:gd name="connsiteY1" fmla="*/ 0 h 3413573"/>
              <a:gd name="connsiteX2" fmla="*/ 3011858 w 3011858"/>
              <a:gd name="connsiteY2" fmla="*/ 129285 h 3413573"/>
              <a:gd name="connsiteX3" fmla="*/ 3011858 w 3011858"/>
              <a:gd name="connsiteY3" fmla="*/ 2373763 h 3413573"/>
              <a:gd name="connsiteX4" fmla="*/ 2993433 w 3011858"/>
              <a:gd name="connsiteY4" fmla="*/ 2440291 h 3413573"/>
              <a:gd name="connsiteX5" fmla="*/ 2447157 w 3011858"/>
              <a:gd name="connsiteY5" fmla="*/ 3350816 h 3413573"/>
              <a:gd name="connsiteX6" fmla="*/ 2336303 w 3011858"/>
              <a:gd name="connsiteY6" fmla="*/ 3413573 h 3413573"/>
              <a:gd name="connsiteX7" fmla="*/ 129279 w 3011858"/>
              <a:gd name="connsiteY7" fmla="*/ 3413573 h 3413573"/>
              <a:gd name="connsiteX8" fmla="*/ 0 w 3011858"/>
              <a:gd name="connsiteY8" fmla="*/ 3284289 h 3413573"/>
              <a:gd name="connsiteX9" fmla="*/ 0 w 3011858"/>
              <a:gd name="connsiteY9" fmla="*/ 129285 h 3413573"/>
              <a:gd name="connsiteX10" fmla="*/ 129279 w 3011858"/>
              <a:gd name="connsiteY10" fmla="*/ 0 h 34135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011858" h="3413573">
                <a:moveTo>
                  <a:pt x="129279" y="0"/>
                </a:moveTo>
                <a:lnTo>
                  <a:pt x="2882579" y="0"/>
                </a:lnTo>
                <a:cubicBezTo>
                  <a:pt x="2953968" y="0"/>
                  <a:pt x="3011858" y="57892"/>
                  <a:pt x="3011858" y="129285"/>
                </a:cubicBezTo>
                <a:lnTo>
                  <a:pt x="3011858" y="2373763"/>
                </a:lnTo>
                <a:cubicBezTo>
                  <a:pt x="3011858" y="2397206"/>
                  <a:pt x="3005473" y="2420193"/>
                  <a:pt x="2993433" y="2440291"/>
                </a:cubicBezTo>
                <a:lnTo>
                  <a:pt x="2447157" y="3350816"/>
                </a:lnTo>
                <a:cubicBezTo>
                  <a:pt x="2423807" y="3389735"/>
                  <a:pt x="2381727" y="3413573"/>
                  <a:pt x="2336303" y="3413573"/>
                </a:cubicBezTo>
                <a:lnTo>
                  <a:pt x="129279" y="3413573"/>
                </a:lnTo>
                <a:cubicBezTo>
                  <a:pt x="57890" y="3413573"/>
                  <a:pt x="0" y="3355681"/>
                  <a:pt x="0" y="3284289"/>
                </a:cubicBezTo>
                <a:lnTo>
                  <a:pt x="0" y="129285"/>
                </a:lnTo>
                <a:cubicBezTo>
                  <a:pt x="0" y="57892"/>
                  <a:pt x="57890" y="0"/>
                  <a:pt x="129279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8113866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Bilde (v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e 2">
            <a:extLst>
              <a:ext uri="{FF2B5EF4-FFF2-40B4-BE49-F238E27FC236}">
                <a16:creationId xmlns:a16="http://schemas.microsoft.com/office/drawing/2014/main" id="{EA1DF8E2-A065-3600-6EB2-A554FC0AFFE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14" name="Plassholder for bilde 13">
            <a:extLst>
              <a:ext uri="{FF2B5EF4-FFF2-40B4-BE49-F238E27FC236}">
                <a16:creationId xmlns:a16="http://schemas.microsoft.com/office/drawing/2014/main" id="{ECCAB366-333D-E64B-848E-100674BDCE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38199" y="818284"/>
            <a:ext cx="10509274" cy="5218477"/>
          </a:xfrm>
          <a:custGeom>
            <a:avLst/>
            <a:gdLst>
              <a:gd name="connsiteX0" fmla="*/ 224033 w 10509274"/>
              <a:gd name="connsiteY0" fmla="*/ 0 h 5218477"/>
              <a:gd name="connsiteX1" fmla="*/ 7150832 w 10509274"/>
              <a:gd name="connsiteY1" fmla="*/ 0 h 5218477"/>
              <a:gd name="connsiteX2" fmla="*/ 7374864 w 10509274"/>
              <a:gd name="connsiteY2" fmla="*/ 223995 h 5218477"/>
              <a:gd name="connsiteX3" fmla="*/ 7374864 w 10509274"/>
              <a:gd name="connsiteY3" fmla="*/ 930750 h 5218477"/>
              <a:gd name="connsiteX4" fmla="*/ 7791002 w 10509274"/>
              <a:gd name="connsiteY4" fmla="*/ 1046013 h 5218477"/>
              <a:gd name="connsiteX5" fmla="*/ 8353456 w 10509274"/>
              <a:gd name="connsiteY5" fmla="*/ 108731 h 5218477"/>
              <a:gd name="connsiteX6" fmla="*/ 8545559 w 10509274"/>
              <a:gd name="connsiteY6" fmla="*/ 0 h 5218477"/>
              <a:gd name="connsiteX7" fmla="*/ 10285240 w 10509274"/>
              <a:gd name="connsiteY7" fmla="*/ 0 h 5218477"/>
              <a:gd name="connsiteX8" fmla="*/ 10509274 w 10509274"/>
              <a:gd name="connsiteY8" fmla="*/ 223995 h 5218477"/>
              <a:gd name="connsiteX9" fmla="*/ 10509274 w 10509274"/>
              <a:gd name="connsiteY9" fmla="*/ 3416822 h 5218477"/>
              <a:gd name="connsiteX10" fmla="*/ 10477186 w 10509274"/>
              <a:gd name="connsiteY10" fmla="*/ 3532297 h 5218477"/>
              <a:gd name="connsiteX11" fmla="*/ 9527890 w 10509274"/>
              <a:gd name="connsiteY11" fmla="*/ 5109956 h 5218477"/>
              <a:gd name="connsiteX12" fmla="*/ 9335945 w 10509274"/>
              <a:gd name="connsiteY12" fmla="*/ 5218477 h 5218477"/>
              <a:gd name="connsiteX13" fmla="*/ 224033 w 10509274"/>
              <a:gd name="connsiteY13" fmla="*/ 5218477 h 5218477"/>
              <a:gd name="connsiteX14" fmla="*/ 0 w 10509274"/>
              <a:gd name="connsiteY14" fmla="*/ 4994482 h 5218477"/>
              <a:gd name="connsiteX15" fmla="*/ 0 w 10509274"/>
              <a:gd name="connsiteY15" fmla="*/ 223995 h 5218477"/>
              <a:gd name="connsiteX16" fmla="*/ 224033 w 10509274"/>
              <a:gd name="connsiteY16" fmla="*/ 0 h 521847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0509274" h="5218477">
                <a:moveTo>
                  <a:pt x="224033" y="0"/>
                </a:moveTo>
                <a:lnTo>
                  <a:pt x="7150832" y="0"/>
                </a:lnTo>
                <a:cubicBezTo>
                  <a:pt x="7274545" y="0"/>
                  <a:pt x="7374864" y="100303"/>
                  <a:pt x="7374864" y="223995"/>
                </a:cubicBezTo>
                <a:lnTo>
                  <a:pt x="7374864" y="930750"/>
                </a:lnTo>
                <a:cubicBezTo>
                  <a:pt x="7374864" y="1157958"/>
                  <a:pt x="7674085" y="1240824"/>
                  <a:pt x="7791002" y="1046013"/>
                </a:cubicBezTo>
                <a:lnTo>
                  <a:pt x="8353456" y="108731"/>
                </a:lnTo>
                <a:cubicBezTo>
                  <a:pt x="8393920" y="41301"/>
                  <a:pt x="8466841" y="0"/>
                  <a:pt x="8545559" y="0"/>
                </a:cubicBezTo>
                <a:lnTo>
                  <a:pt x="10285240" y="0"/>
                </a:lnTo>
                <a:cubicBezTo>
                  <a:pt x="10408954" y="0"/>
                  <a:pt x="10509274" y="100303"/>
                  <a:pt x="10509274" y="223995"/>
                </a:cubicBezTo>
                <a:lnTo>
                  <a:pt x="10509274" y="3416822"/>
                </a:lnTo>
                <a:cubicBezTo>
                  <a:pt x="10509274" y="3457491"/>
                  <a:pt x="10498156" y="3497423"/>
                  <a:pt x="10477186" y="3532297"/>
                </a:cubicBezTo>
                <a:lnTo>
                  <a:pt x="9527890" y="5109956"/>
                </a:lnTo>
                <a:cubicBezTo>
                  <a:pt x="9487373" y="5177281"/>
                  <a:pt x="9414556" y="5218477"/>
                  <a:pt x="9335945" y="5218477"/>
                </a:cubicBezTo>
                <a:lnTo>
                  <a:pt x="224033" y="5218477"/>
                </a:lnTo>
                <a:cubicBezTo>
                  <a:pt x="100320" y="5218477"/>
                  <a:pt x="0" y="5118174"/>
                  <a:pt x="0" y="4994482"/>
                </a:cubicBezTo>
                <a:lnTo>
                  <a:pt x="0" y="223995"/>
                </a:lnTo>
                <a:cubicBezTo>
                  <a:pt x="0" y="100303"/>
                  <a:pt x="100320" y="0"/>
                  <a:pt x="224033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177ED965-E12E-DA02-D1EB-89AC6A707C9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9906941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Bilde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e 2">
            <a:extLst>
              <a:ext uri="{FF2B5EF4-FFF2-40B4-BE49-F238E27FC236}">
                <a16:creationId xmlns:a16="http://schemas.microsoft.com/office/drawing/2014/main" id="{EA1DF8E2-A065-3600-6EB2-A554FC0AFFE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12" name="Plassholder for bilde 11">
            <a:extLst>
              <a:ext uri="{FF2B5EF4-FFF2-40B4-BE49-F238E27FC236}">
                <a16:creationId xmlns:a16="http://schemas.microsoft.com/office/drawing/2014/main" id="{1459BD34-5E3D-D69E-68E7-CA27AE36083F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38199" y="818284"/>
            <a:ext cx="10507167" cy="5217405"/>
          </a:xfrm>
          <a:custGeom>
            <a:avLst/>
            <a:gdLst>
              <a:gd name="connsiteX0" fmla="*/ 223987 w 10507167"/>
              <a:gd name="connsiteY0" fmla="*/ 0 h 5217405"/>
              <a:gd name="connsiteX1" fmla="*/ 10283180 w 10507167"/>
              <a:gd name="connsiteY1" fmla="*/ 0 h 5217405"/>
              <a:gd name="connsiteX2" fmla="*/ 10507167 w 10507167"/>
              <a:gd name="connsiteY2" fmla="*/ 223949 h 5217405"/>
              <a:gd name="connsiteX3" fmla="*/ 10507167 w 10507167"/>
              <a:gd name="connsiteY3" fmla="*/ 4993455 h 5217405"/>
              <a:gd name="connsiteX4" fmla="*/ 10283180 w 10507167"/>
              <a:gd name="connsiteY4" fmla="*/ 5217405 h 5217405"/>
              <a:gd name="connsiteX5" fmla="*/ 223987 w 10507167"/>
              <a:gd name="connsiteY5" fmla="*/ 5217405 h 5217405"/>
              <a:gd name="connsiteX6" fmla="*/ 0 w 10507167"/>
              <a:gd name="connsiteY6" fmla="*/ 4993455 h 5217405"/>
              <a:gd name="connsiteX7" fmla="*/ 0 w 10507167"/>
              <a:gd name="connsiteY7" fmla="*/ 223949 h 5217405"/>
              <a:gd name="connsiteX8" fmla="*/ 223987 w 10507167"/>
              <a:gd name="connsiteY8" fmla="*/ 0 h 521740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0507167" h="5217405">
                <a:moveTo>
                  <a:pt x="223987" y="0"/>
                </a:moveTo>
                <a:lnTo>
                  <a:pt x="10283180" y="0"/>
                </a:lnTo>
                <a:cubicBezTo>
                  <a:pt x="10406884" y="0"/>
                  <a:pt x="10507167" y="100265"/>
                  <a:pt x="10507167" y="223949"/>
                </a:cubicBezTo>
                <a:lnTo>
                  <a:pt x="10507167" y="4993455"/>
                </a:lnTo>
                <a:cubicBezTo>
                  <a:pt x="10507167" y="5117139"/>
                  <a:pt x="10406884" y="5217405"/>
                  <a:pt x="10283180" y="5217405"/>
                </a:cubicBezTo>
                <a:lnTo>
                  <a:pt x="223987" y="5217405"/>
                </a:lnTo>
                <a:cubicBezTo>
                  <a:pt x="100282" y="5217405"/>
                  <a:pt x="0" y="5117139"/>
                  <a:pt x="0" y="4993455"/>
                </a:cubicBezTo>
                <a:lnTo>
                  <a:pt x="0" y="223949"/>
                </a:lnTo>
                <a:cubicBezTo>
                  <a:pt x="0" y="100266"/>
                  <a:pt x="100282" y="0"/>
                  <a:pt x="223987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4B1C7BE3-4A97-8149-D05D-5F4215013729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3929006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Bilde (v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lassholder for bilde 7">
            <a:extLst>
              <a:ext uri="{FF2B5EF4-FFF2-40B4-BE49-F238E27FC236}">
                <a16:creationId xmlns:a16="http://schemas.microsoft.com/office/drawing/2014/main" id="{72660B8F-0BAE-15FF-88C8-EE79E388F49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D0954805-39EC-52CC-DDE7-6638D4EBDFA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3" name="Bilde 2">
            <a:extLst>
              <a:ext uri="{FF2B5EF4-FFF2-40B4-BE49-F238E27FC236}">
                <a16:creationId xmlns:a16="http://schemas.microsoft.com/office/drawing/2014/main" id="{A8CD4C74-7405-8169-B433-224A12E3CEEF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6359487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CB5DEFFC-D7C4-6B35-6CEB-9E471EACDB7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26" name="Plassholder for tekst 2">
            <a:extLst>
              <a:ext uri="{FF2B5EF4-FFF2-40B4-BE49-F238E27FC236}">
                <a16:creationId xmlns:a16="http://schemas.microsoft.com/office/drawing/2014/main" id="{CED34F65-A96E-F531-4CBC-F8FC34B16A0A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8201" y="1440000"/>
            <a:ext cx="3014582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27" name="Plassholder for tekst 2">
            <a:extLst>
              <a:ext uri="{FF2B5EF4-FFF2-40B4-BE49-F238E27FC236}">
                <a16:creationId xmlns:a16="http://schemas.microsoft.com/office/drawing/2014/main" id="{1A6EC7DB-7BC2-1DBF-7B5D-8105CEA778BA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4589931" y="1440000"/>
            <a:ext cx="3014582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28" name="Plassholder for tekst 2">
            <a:extLst>
              <a:ext uri="{FF2B5EF4-FFF2-40B4-BE49-F238E27FC236}">
                <a16:creationId xmlns:a16="http://schemas.microsoft.com/office/drawing/2014/main" id="{386E7C78-4D75-7B27-85DF-2D06E2B1E65C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341660" y="1440000"/>
            <a:ext cx="3014582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35" name="Tittel 1">
            <a:extLst>
              <a:ext uri="{FF2B5EF4-FFF2-40B4-BE49-F238E27FC236}">
                <a16:creationId xmlns:a16="http://schemas.microsoft.com/office/drawing/2014/main" id="{550E15D3-594C-FF86-7351-B0AA4613118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17" name="Plassholder for bilde 16">
            <a:extLst>
              <a:ext uri="{FF2B5EF4-FFF2-40B4-BE49-F238E27FC236}">
                <a16:creationId xmlns:a16="http://schemas.microsoft.com/office/drawing/2014/main" id="{EF0F68EB-9EAC-8679-5A70-30683E9FCFE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6695" y="2268000"/>
            <a:ext cx="3013365" cy="3415283"/>
          </a:xfrm>
          <a:custGeom>
            <a:avLst/>
            <a:gdLst>
              <a:gd name="connsiteX0" fmla="*/ 675893 w 3013365"/>
              <a:gd name="connsiteY0" fmla="*/ 0 h 3415283"/>
              <a:gd name="connsiteX1" fmla="*/ 2884021 w 3013365"/>
              <a:gd name="connsiteY1" fmla="*/ 0 h 3415283"/>
              <a:gd name="connsiteX2" fmla="*/ 3013365 w 3013365"/>
              <a:gd name="connsiteY2" fmla="*/ 129349 h 3415283"/>
              <a:gd name="connsiteX3" fmla="*/ 3013365 w 3013365"/>
              <a:gd name="connsiteY3" fmla="*/ 3285934 h 3415283"/>
              <a:gd name="connsiteX4" fmla="*/ 2884021 w 3013365"/>
              <a:gd name="connsiteY4" fmla="*/ 3415283 h 3415283"/>
              <a:gd name="connsiteX5" fmla="*/ 129344 w 3013365"/>
              <a:gd name="connsiteY5" fmla="*/ 3415283 h 3415283"/>
              <a:gd name="connsiteX6" fmla="*/ 0 w 3013365"/>
              <a:gd name="connsiteY6" fmla="*/ 3285934 h 3415283"/>
              <a:gd name="connsiteX7" fmla="*/ 0 w 3013365"/>
              <a:gd name="connsiteY7" fmla="*/ 1040331 h 3415283"/>
              <a:gd name="connsiteX8" fmla="*/ 18434 w 3013365"/>
              <a:gd name="connsiteY8" fmla="*/ 973770 h 3415283"/>
              <a:gd name="connsiteX9" fmla="*/ 564983 w 3013365"/>
              <a:gd name="connsiteY9" fmla="*/ 62789 h 3415283"/>
              <a:gd name="connsiteX10" fmla="*/ 675893 w 3013365"/>
              <a:gd name="connsiteY10" fmla="*/ 0 h 341528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013365" h="3415283">
                <a:moveTo>
                  <a:pt x="675893" y="0"/>
                </a:moveTo>
                <a:lnTo>
                  <a:pt x="2884021" y="0"/>
                </a:lnTo>
                <a:cubicBezTo>
                  <a:pt x="2955446" y="0"/>
                  <a:pt x="3013365" y="57921"/>
                  <a:pt x="3013365" y="129349"/>
                </a:cubicBezTo>
                <a:lnTo>
                  <a:pt x="3013365" y="3285934"/>
                </a:lnTo>
                <a:cubicBezTo>
                  <a:pt x="3013365" y="3357361"/>
                  <a:pt x="2955446" y="3415283"/>
                  <a:pt x="2884021" y="3415283"/>
                </a:cubicBezTo>
                <a:lnTo>
                  <a:pt x="129344" y="3415283"/>
                </a:lnTo>
                <a:cubicBezTo>
                  <a:pt x="57919" y="3415283"/>
                  <a:pt x="0" y="3357361"/>
                  <a:pt x="0" y="3285934"/>
                </a:cubicBezTo>
                <a:lnTo>
                  <a:pt x="0" y="1040331"/>
                </a:lnTo>
                <a:cubicBezTo>
                  <a:pt x="0" y="1016876"/>
                  <a:pt x="6388" y="993878"/>
                  <a:pt x="18434" y="973770"/>
                </a:cubicBezTo>
                <a:lnTo>
                  <a:pt x="564983" y="62789"/>
                </a:lnTo>
                <a:cubicBezTo>
                  <a:pt x="588345" y="23850"/>
                  <a:pt x="630446" y="0"/>
                  <a:pt x="675893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8" name="Plassholder for bilde 17">
            <a:extLst>
              <a:ext uri="{FF2B5EF4-FFF2-40B4-BE49-F238E27FC236}">
                <a16:creationId xmlns:a16="http://schemas.microsoft.com/office/drawing/2014/main" id="{68F59501-36A3-7D33-1CDB-9142B70E2414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589932" y="2268000"/>
            <a:ext cx="3013365" cy="3415282"/>
          </a:xfrm>
          <a:custGeom>
            <a:avLst/>
            <a:gdLst>
              <a:gd name="connsiteX0" fmla="*/ 129344 w 3013365"/>
              <a:gd name="connsiteY0" fmla="*/ 0 h 3415282"/>
              <a:gd name="connsiteX1" fmla="*/ 2884021 w 3013365"/>
              <a:gd name="connsiteY1" fmla="*/ 0 h 3415282"/>
              <a:gd name="connsiteX2" fmla="*/ 3013365 w 3013365"/>
              <a:gd name="connsiteY2" fmla="*/ 129349 h 3415282"/>
              <a:gd name="connsiteX3" fmla="*/ 3013365 w 3013365"/>
              <a:gd name="connsiteY3" fmla="*/ 3285933 h 3415282"/>
              <a:gd name="connsiteX4" fmla="*/ 2884021 w 3013365"/>
              <a:gd name="connsiteY4" fmla="*/ 3415282 h 3415282"/>
              <a:gd name="connsiteX5" fmla="*/ 129344 w 3013365"/>
              <a:gd name="connsiteY5" fmla="*/ 3415282 h 3415282"/>
              <a:gd name="connsiteX6" fmla="*/ 0 w 3013365"/>
              <a:gd name="connsiteY6" fmla="*/ 3285933 h 3415282"/>
              <a:gd name="connsiteX7" fmla="*/ 0 w 3013365"/>
              <a:gd name="connsiteY7" fmla="*/ 129349 h 3415282"/>
              <a:gd name="connsiteX8" fmla="*/ 129344 w 3013365"/>
              <a:gd name="connsiteY8" fmla="*/ 0 h 34152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013365" h="3415282">
                <a:moveTo>
                  <a:pt x="129344" y="0"/>
                </a:moveTo>
                <a:lnTo>
                  <a:pt x="2884021" y="0"/>
                </a:lnTo>
                <a:cubicBezTo>
                  <a:pt x="2955456" y="0"/>
                  <a:pt x="3013365" y="57912"/>
                  <a:pt x="3013365" y="129349"/>
                </a:cubicBezTo>
                <a:lnTo>
                  <a:pt x="3013365" y="3285933"/>
                </a:lnTo>
                <a:cubicBezTo>
                  <a:pt x="3013365" y="3357370"/>
                  <a:pt x="2955456" y="3415282"/>
                  <a:pt x="2884021" y="3415282"/>
                </a:cubicBezTo>
                <a:lnTo>
                  <a:pt x="129344" y="3415282"/>
                </a:lnTo>
                <a:cubicBezTo>
                  <a:pt x="57909" y="3415282"/>
                  <a:pt x="0" y="3357370"/>
                  <a:pt x="0" y="3285933"/>
                </a:cubicBezTo>
                <a:lnTo>
                  <a:pt x="0" y="129349"/>
                </a:lnTo>
                <a:cubicBezTo>
                  <a:pt x="0" y="57912"/>
                  <a:pt x="57909" y="0"/>
                  <a:pt x="12934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9" name="Plassholder for bilde 18">
            <a:extLst>
              <a:ext uri="{FF2B5EF4-FFF2-40B4-BE49-F238E27FC236}">
                <a16:creationId xmlns:a16="http://schemas.microsoft.com/office/drawing/2014/main" id="{9AA6CBFA-A4DF-B93B-44FA-90890861FEE5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8340726" y="2268000"/>
            <a:ext cx="3011858" cy="3413573"/>
          </a:xfrm>
          <a:custGeom>
            <a:avLst/>
            <a:gdLst>
              <a:gd name="connsiteX0" fmla="*/ 129279 w 3011858"/>
              <a:gd name="connsiteY0" fmla="*/ 0 h 3413573"/>
              <a:gd name="connsiteX1" fmla="*/ 2882579 w 3011858"/>
              <a:gd name="connsiteY1" fmla="*/ 0 h 3413573"/>
              <a:gd name="connsiteX2" fmla="*/ 3011858 w 3011858"/>
              <a:gd name="connsiteY2" fmla="*/ 129285 h 3413573"/>
              <a:gd name="connsiteX3" fmla="*/ 3011858 w 3011858"/>
              <a:gd name="connsiteY3" fmla="*/ 2373763 h 3413573"/>
              <a:gd name="connsiteX4" fmla="*/ 2993433 w 3011858"/>
              <a:gd name="connsiteY4" fmla="*/ 2440291 h 3413573"/>
              <a:gd name="connsiteX5" fmla="*/ 2447157 w 3011858"/>
              <a:gd name="connsiteY5" fmla="*/ 3350816 h 3413573"/>
              <a:gd name="connsiteX6" fmla="*/ 2336303 w 3011858"/>
              <a:gd name="connsiteY6" fmla="*/ 3413573 h 3413573"/>
              <a:gd name="connsiteX7" fmla="*/ 129279 w 3011858"/>
              <a:gd name="connsiteY7" fmla="*/ 3413573 h 3413573"/>
              <a:gd name="connsiteX8" fmla="*/ 0 w 3011858"/>
              <a:gd name="connsiteY8" fmla="*/ 3284289 h 3413573"/>
              <a:gd name="connsiteX9" fmla="*/ 0 w 3011858"/>
              <a:gd name="connsiteY9" fmla="*/ 129285 h 3413573"/>
              <a:gd name="connsiteX10" fmla="*/ 129279 w 3011858"/>
              <a:gd name="connsiteY10" fmla="*/ 0 h 34135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011858" h="3413573">
                <a:moveTo>
                  <a:pt x="129279" y="0"/>
                </a:moveTo>
                <a:lnTo>
                  <a:pt x="2882579" y="0"/>
                </a:lnTo>
                <a:cubicBezTo>
                  <a:pt x="2953968" y="0"/>
                  <a:pt x="3011858" y="57892"/>
                  <a:pt x="3011858" y="129285"/>
                </a:cubicBezTo>
                <a:lnTo>
                  <a:pt x="3011858" y="2373763"/>
                </a:lnTo>
                <a:cubicBezTo>
                  <a:pt x="3011858" y="2397206"/>
                  <a:pt x="3005473" y="2420193"/>
                  <a:pt x="2993433" y="2440291"/>
                </a:cubicBezTo>
                <a:lnTo>
                  <a:pt x="2447157" y="3350816"/>
                </a:lnTo>
                <a:cubicBezTo>
                  <a:pt x="2423807" y="3389735"/>
                  <a:pt x="2381727" y="3413573"/>
                  <a:pt x="2336303" y="3413573"/>
                </a:cubicBezTo>
                <a:lnTo>
                  <a:pt x="129279" y="3413573"/>
                </a:lnTo>
                <a:cubicBezTo>
                  <a:pt x="57890" y="3413573"/>
                  <a:pt x="0" y="3355681"/>
                  <a:pt x="0" y="3284289"/>
                </a:cubicBezTo>
                <a:lnTo>
                  <a:pt x="0" y="129285"/>
                </a:lnTo>
                <a:cubicBezTo>
                  <a:pt x="0" y="57892"/>
                  <a:pt x="57890" y="0"/>
                  <a:pt x="129279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35907389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A626301B-92ED-FC60-D58E-E83F321FEB0D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4588" y="1440000"/>
            <a:ext cx="2487600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22" name="Plassholder for tekst 2">
            <a:extLst>
              <a:ext uri="{FF2B5EF4-FFF2-40B4-BE49-F238E27FC236}">
                <a16:creationId xmlns:a16="http://schemas.microsoft.com/office/drawing/2014/main" id="{E603E3E6-9E37-E1CB-46F9-01545DE61496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516527" y="1440000"/>
            <a:ext cx="2486994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/>
              <a:t>H2 Overskrift</a:t>
            </a:r>
          </a:p>
        </p:txBody>
      </p:sp>
      <p:sp>
        <p:nvSpPr>
          <p:cNvPr id="26" name="Plassholder for tekst 2">
            <a:extLst>
              <a:ext uri="{FF2B5EF4-FFF2-40B4-BE49-F238E27FC236}">
                <a16:creationId xmlns:a16="http://schemas.microsoft.com/office/drawing/2014/main" id="{CE16A991-591F-CAAD-7A45-42CF6A6714F2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6197860" y="1440000"/>
            <a:ext cx="2486994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/>
              <a:t>H2 Overskrift</a:t>
            </a:r>
          </a:p>
        </p:txBody>
      </p:sp>
      <p:sp>
        <p:nvSpPr>
          <p:cNvPr id="30" name="Plassholder for tekst 2">
            <a:extLst>
              <a:ext uri="{FF2B5EF4-FFF2-40B4-BE49-F238E27FC236}">
                <a16:creationId xmlns:a16="http://schemas.microsoft.com/office/drawing/2014/main" id="{B76AB1BF-AF1B-EF2E-8F06-DD93E634608B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8879194" y="1440000"/>
            <a:ext cx="2486994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4048E809-A4B9-794D-10F7-F37BAEF9676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35" name="Tittel 1">
            <a:extLst>
              <a:ext uri="{FF2B5EF4-FFF2-40B4-BE49-F238E27FC236}">
                <a16:creationId xmlns:a16="http://schemas.microsoft.com/office/drawing/2014/main" id="{00F5610C-F54A-7BCA-A22E-FC9C0021628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Plassholder for bilde 2">
            <a:extLst>
              <a:ext uri="{FF2B5EF4-FFF2-40B4-BE49-F238E27FC236}">
                <a16:creationId xmlns:a16="http://schemas.microsoft.com/office/drawing/2014/main" id="{AEDCDCE5-DBE3-2F22-8F65-D2EB1D65E10E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4589" y="2268000"/>
            <a:ext cx="2487600" cy="3315723"/>
          </a:xfrm>
          <a:custGeom>
            <a:avLst/>
            <a:gdLst>
              <a:gd name="connsiteX0" fmla="*/ 675893 w 3013075"/>
              <a:gd name="connsiteY0" fmla="*/ 0 h 4016129"/>
              <a:gd name="connsiteX1" fmla="*/ 2884021 w 3013075"/>
              <a:gd name="connsiteY1" fmla="*/ 0 h 4016129"/>
              <a:gd name="connsiteX2" fmla="*/ 3003199 w 3013075"/>
              <a:gd name="connsiteY2" fmla="*/ 78969 h 4016129"/>
              <a:gd name="connsiteX3" fmla="*/ 3013075 w 3013075"/>
              <a:gd name="connsiteY3" fmla="*/ 127855 h 4016129"/>
              <a:gd name="connsiteX4" fmla="*/ 3013075 w 3013075"/>
              <a:gd name="connsiteY4" fmla="*/ 3888275 h 4016129"/>
              <a:gd name="connsiteX5" fmla="*/ 3003199 w 3013075"/>
              <a:gd name="connsiteY5" fmla="*/ 3937161 h 4016129"/>
              <a:gd name="connsiteX6" fmla="*/ 2884021 w 3013075"/>
              <a:gd name="connsiteY6" fmla="*/ 4016129 h 4016129"/>
              <a:gd name="connsiteX7" fmla="*/ 129344 w 3013075"/>
              <a:gd name="connsiteY7" fmla="*/ 4016129 h 4016129"/>
              <a:gd name="connsiteX8" fmla="*/ 0 w 3013075"/>
              <a:gd name="connsiteY8" fmla="*/ 3886839 h 4016129"/>
              <a:gd name="connsiteX9" fmla="*/ 0 w 3013075"/>
              <a:gd name="connsiteY9" fmla="*/ 1039851 h 4016129"/>
              <a:gd name="connsiteX10" fmla="*/ 18434 w 3013075"/>
              <a:gd name="connsiteY10" fmla="*/ 973321 h 4016129"/>
              <a:gd name="connsiteX11" fmla="*/ 564983 w 3013075"/>
              <a:gd name="connsiteY11" fmla="*/ 62760 h 4016129"/>
              <a:gd name="connsiteX12" fmla="*/ 675893 w 3013075"/>
              <a:gd name="connsiteY12" fmla="*/ 0 h 40161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3013075" h="4016129">
                <a:moveTo>
                  <a:pt x="675893" y="0"/>
                </a:moveTo>
                <a:lnTo>
                  <a:pt x="2884021" y="0"/>
                </a:lnTo>
                <a:cubicBezTo>
                  <a:pt x="2937590" y="0"/>
                  <a:pt x="2983561" y="32566"/>
                  <a:pt x="3003199" y="78969"/>
                </a:cubicBezTo>
                <a:lnTo>
                  <a:pt x="3013075" y="127855"/>
                </a:lnTo>
                <a:lnTo>
                  <a:pt x="3013075" y="3888275"/>
                </a:lnTo>
                <a:lnTo>
                  <a:pt x="3003199" y="3937161"/>
                </a:lnTo>
                <a:cubicBezTo>
                  <a:pt x="2983561" y="3983563"/>
                  <a:pt x="2937590" y="4016129"/>
                  <a:pt x="2884021" y="4016129"/>
                </a:cubicBezTo>
                <a:lnTo>
                  <a:pt x="129344" y="4016129"/>
                </a:lnTo>
                <a:cubicBezTo>
                  <a:pt x="57919" y="4016129"/>
                  <a:pt x="0" y="3958234"/>
                  <a:pt x="0" y="3886839"/>
                </a:cubicBezTo>
                <a:lnTo>
                  <a:pt x="0" y="1039851"/>
                </a:lnTo>
                <a:cubicBezTo>
                  <a:pt x="0" y="1016408"/>
                  <a:pt x="6358" y="993420"/>
                  <a:pt x="18434" y="973321"/>
                </a:cubicBezTo>
                <a:lnTo>
                  <a:pt x="564983" y="62760"/>
                </a:lnTo>
                <a:cubicBezTo>
                  <a:pt x="588376" y="23839"/>
                  <a:pt x="630477" y="0"/>
                  <a:pt x="675893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4" name="Plassholder for bilde 3">
            <a:extLst>
              <a:ext uri="{FF2B5EF4-FFF2-40B4-BE49-F238E27FC236}">
                <a16:creationId xmlns:a16="http://schemas.microsoft.com/office/drawing/2014/main" id="{1A838B20-B4A9-9C59-6814-FD67BFC80281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3516527" y="2268335"/>
            <a:ext cx="2486994" cy="3314597"/>
          </a:xfrm>
          <a:custGeom>
            <a:avLst/>
            <a:gdLst>
              <a:gd name="connsiteX0" fmla="*/ 129344 w 3013364"/>
              <a:gd name="connsiteY0" fmla="*/ 0 h 4016129"/>
              <a:gd name="connsiteX1" fmla="*/ 2884021 w 3013364"/>
              <a:gd name="connsiteY1" fmla="*/ 0 h 4016129"/>
              <a:gd name="connsiteX2" fmla="*/ 3003199 w 3013364"/>
              <a:gd name="connsiteY2" fmla="*/ 78969 h 4016129"/>
              <a:gd name="connsiteX3" fmla="*/ 3013364 w 3013364"/>
              <a:gd name="connsiteY3" fmla="*/ 129285 h 4016129"/>
              <a:gd name="connsiteX4" fmla="*/ 3013364 w 3013364"/>
              <a:gd name="connsiteY4" fmla="*/ 2976286 h 4016129"/>
              <a:gd name="connsiteX5" fmla="*/ 3008677 w 3013364"/>
              <a:gd name="connsiteY5" fmla="*/ 3010798 h 4016129"/>
              <a:gd name="connsiteX6" fmla="*/ 2994931 w 3013364"/>
              <a:gd name="connsiteY6" fmla="*/ 3042808 h 4016129"/>
              <a:gd name="connsiteX7" fmla="*/ 2448382 w 3013364"/>
              <a:gd name="connsiteY7" fmla="*/ 3953370 h 4016129"/>
              <a:gd name="connsiteX8" fmla="*/ 2401209 w 3013364"/>
              <a:gd name="connsiteY8" fmla="*/ 3999357 h 4016129"/>
              <a:gd name="connsiteX9" fmla="*/ 2337476 w 3013364"/>
              <a:gd name="connsiteY9" fmla="*/ 4016129 h 4016129"/>
              <a:gd name="connsiteX10" fmla="*/ 129339 w 3013364"/>
              <a:gd name="connsiteY10" fmla="*/ 4016129 h 4016129"/>
              <a:gd name="connsiteX11" fmla="*/ 79002 w 3013364"/>
              <a:gd name="connsiteY11" fmla="*/ 4005969 h 4016129"/>
              <a:gd name="connsiteX12" fmla="*/ 0 w 3013364"/>
              <a:gd name="connsiteY12" fmla="*/ 3886840 h 4016129"/>
              <a:gd name="connsiteX13" fmla="*/ 0 w 3013364"/>
              <a:gd name="connsiteY13" fmla="*/ 129290 h 4016129"/>
              <a:gd name="connsiteX14" fmla="*/ 129344 w 3013364"/>
              <a:gd name="connsiteY14" fmla="*/ 0 h 40161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3013364" h="4016129">
                <a:moveTo>
                  <a:pt x="129344" y="0"/>
                </a:moveTo>
                <a:lnTo>
                  <a:pt x="2884021" y="0"/>
                </a:lnTo>
                <a:cubicBezTo>
                  <a:pt x="2937590" y="0"/>
                  <a:pt x="2983561" y="32566"/>
                  <a:pt x="3003199" y="78969"/>
                </a:cubicBezTo>
                <a:lnTo>
                  <a:pt x="3013364" y="129285"/>
                </a:lnTo>
                <a:lnTo>
                  <a:pt x="3013364" y="2976286"/>
                </a:lnTo>
                <a:lnTo>
                  <a:pt x="3008677" y="3010798"/>
                </a:lnTo>
                <a:cubicBezTo>
                  <a:pt x="3005578" y="3021988"/>
                  <a:pt x="3000969" y="3032759"/>
                  <a:pt x="2994931" y="3042808"/>
                </a:cubicBezTo>
                <a:lnTo>
                  <a:pt x="2448382" y="3953370"/>
                </a:lnTo>
                <a:cubicBezTo>
                  <a:pt x="2436701" y="3972846"/>
                  <a:pt x="2420335" y="3988536"/>
                  <a:pt x="2401209" y="3999357"/>
                </a:cubicBezTo>
                <a:lnTo>
                  <a:pt x="2337476" y="4016129"/>
                </a:lnTo>
                <a:lnTo>
                  <a:pt x="129339" y="4016129"/>
                </a:lnTo>
                <a:lnTo>
                  <a:pt x="79002" y="4005969"/>
                </a:lnTo>
                <a:cubicBezTo>
                  <a:pt x="32580" y="3986339"/>
                  <a:pt x="0" y="3940386"/>
                  <a:pt x="0" y="3886840"/>
                </a:cubicBezTo>
                <a:lnTo>
                  <a:pt x="0" y="129290"/>
                </a:lnTo>
                <a:cubicBezTo>
                  <a:pt x="0" y="57895"/>
                  <a:pt x="57919" y="0"/>
                  <a:pt x="129344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" name="Plassholder for bilde 4">
            <a:extLst>
              <a:ext uri="{FF2B5EF4-FFF2-40B4-BE49-F238E27FC236}">
                <a16:creationId xmlns:a16="http://schemas.microsoft.com/office/drawing/2014/main" id="{70861E1D-FE3B-5B7C-AB83-91C50EE73BD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6197860" y="2268000"/>
            <a:ext cx="2486994" cy="3314595"/>
          </a:xfrm>
          <a:custGeom>
            <a:avLst/>
            <a:gdLst>
              <a:gd name="connsiteX0" fmla="*/ 129325 w 3012910"/>
              <a:gd name="connsiteY0" fmla="*/ 0 h 4015521"/>
              <a:gd name="connsiteX1" fmla="*/ 2883585 w 3012910"/>
              <a:gd name="connsiteY1" fmla="*/ 0 h 4015521"/>
              <a:gd name="connsiteX2" fmla="*/ 3012910 w 3012910"/>
              <a:gd name="connsiteY2" fmla="*/ 129270 h 4015521"/>
              <a:gd name="connsiteX3" fmla="*/ 3012910 w 3012910"/>
              <a:gd name="connsiteY3" fmla="*/ 3886251 h 4015521"/>
              <a:gd name="connsiteX4" fmla="*/ 2883585 w 3012910"/>
              <a:gd name="connsiteY4" fmla="*/ 4015521 h 4015521"/>
              <a:gd name="connsiteX5" fmla="*/ 129325 w 3012910"/>
              <a:gd name="connsiteY5" fmla="*/ 4015521 h 4015521"/>
              <a:gd name="connsiteX6" fmla="*/ 0 w 3012910"/>
              <a:gd name="connsiteY6" fmla="*/ 3886251 h 4015521"/>
              <a:gd name="connsiteX7" fmla="*/ 0 w 3012910"/>
              <a:gd name="connsiteY7" fmla="*/ 129270 h 4015521"/>
              <a:gd name="connsiteX8" fmla="*/ 129325 w 3012910"/>
              <a:gd name="connsiteY8" fmla="*/ 0 h 401552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012910" h="4015521">
                <a:moveTo>
                  <a:pt x="129325" y="0"/>
                </a:moveTo>
                <a:lnTo>
                  <a:pt x="2883585" y="0"/>
                </a:lnTo>
                <a:cubicBezTo>
                  <a:pt x="2955009" y="0"/>
                  <a:pt x="3012910" y="57876"/>
                  <a:pt x="3012910" y="129270"/>
                </a:cubicBezTo>
                <a:lnTo>
                  <a:pt x="3012910" y="3886251"/>
                </a:lnTo>
                <a:cubicBezTo>
                  <a:pt x="3012910" y="3957645"/>
                  <a:pt x="2955009" y="4015521"/>
                  <a:pt x="2883585" y="4015521"/>
                </a:cubicBezTo>
                <a:lnTo>
                  <a:pt x="129325" y="4015521"/>
                </a:lnTo>
                <a:cubicBezTo>
                  <a:pt x="57901" y="4015521"/>
                  <a:pt x="0" y="3957645"/>
                  <a:pt x="0" y="3886251"/>
                </a:cubicBezTo>
                <a:lnTo>
                  <a:pt x="0" y="129270"/>
                </a:lnTo>
                <a:cubicBezTo>
                  <a:pt x="0" y="57876"/>
                  <a:pt x="57901" y="0"/>
                  <a:pt x="12932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13" name="Plassholder for bilde 12">
            <a:extLst>
              <a:ext uri="{FF2B5EF4-FFF2-40B4-BE49-F238E27FC236}">
                <a16:creationId xmlns:a16="http://schemas.microsoft.com/office/drawing/2014/main" id="{0D2B1E80-5263-B1D4-27A0-F83907448B29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879192" y="2268000"/>
            <a:ext cx="2487309" cy="3314932"/>
          </a:xfrm>
          <a:custGeom>
            <a:avLst/>
            <a:gdLst>
              <a:gd name="connsiteX0" fmla="*/ 557934 w 2487309"/>
              <a:gd name="connsiteY0" fmla="*/ 0 h 3314932"/>
              <a:gd name="connsiteX1" fmla="*/ 2380693 w 2487309"/>
              <a:gd name="connsiteY1" fmla="*/ 0 h 3314932"/>
              <a:gd name="connsiteX2" fmla="*/ 2479072 w 2487309"/>
              <a:gd name="connsiteY2" fmla="*/ 65187 h 3314932"/>
              <a:gd name="connsiteX3" fmla="*/ 2487309 w 2487309"/>
              <a:gd name="connsiteY3" fmla="*/ 105959 h 3314932"/>
              <a:gd name="connsiteX4" fmla="*/ 2487309 w 2487309"/>
              <a:gd name="connsiteY4" fmla="*/ 800379 h 3314932"/>
              <a:gd name="connsiteX5" fmla="*/ 2483594 w 2487309"/>
              <a:gd name="connsiteY5" fmla="*/ 827733 h 3314932"/>
              <a:gd name="connsiteX6" fmla="*/ 2472247 w 2487309"/>
              <a:gd name="connsiteY6" fmla="*/ 854157 h 3314932"/>
              <a:gd name="connsiteX7" fmla="*/ 2086999 w 2487309"/>
              <a:gd name="connsiteY7" fmla="*/ 1495992 h 3314932"/>
              <a:gd name="connsiteX8" fmla="*/ 2178552 w 2487309"/>
              <a:gd name="connsiteY8" fmla="*/ 1657636 h 3314932"/>
              <a:gd name="connsiteX9" fmla="*/ 2380693 w 2487309"/>
              <a:gd name="connsiteY9" fmla="*/ 1657636 h 3314932"/>
              <a:gd name="connsiteX10" fmla="*/ 2479072 w 2487309"/>
              <a:gd name="connsiteY10" fmla="*/ 1722823 h 3314932"/>
              <a:gd name="connsiteX11" fmla="*/ 2487309 w 2487309"/>
              <a:gd name="connsiteY11" fmla="*/ 1763595 h 3314932"/>
              <a:gd name="connsiteX12" fmla="*/ 2487309 w 2487309"/>
              <a:gd name="connsiteY12" fmla="*/ 2458015 h 3314932"/>
              <a:gd name="connsiteX13" fmla="*/ 2483594 w 2487309"/>
              <a:gd name="connsiteY13" fmla="*/ 2485369 h 3314932"/>
              <a:gd name="connsiteX14" fmla="*/ 2472247 w 2487309"/>
              <a:gd name="connsiteY14" fmla="*/ 2511793 h 3314932"/>
              <a:gd name="connsiteX15" fmla="*/ 2021083 w 2487309"/>
              <a:gd name="connsiteY15" fmla="*/ 3263441 h 3314932"/>
              <a:gd name="connsiteX16" fmla="*/ 1982143 w 2487309"/>
              <a:gd name="connsiteY16" fmla="*/ 3301402 h 3314932"/>
              <a:gd name="connsiteX17" fmla="*/ 1930726 w 2487309"/>
              <a:gd name="connsiteY17" fmla="*/ 3314932 h 3314932"/>
              <a:gd name="connsiteX18" fmla="*/ 105334 w 2487309"/>
              <a:gd name="connsiteY18" fmla="*/ 3314932 h 3314932"/>
              <a:gd name="connsiteX19" fmla="*/ 65214 w 2487309"/>
              <a:gd name="connsiteY19" fmla="*/ 3306834 h 3314932"/>
              <a:gd name="connsiteX20" fmla="*/ 0 w 2487309"/>
              <a:gd name="connsiteY20" fmla="*/ 3208497 h 3314932"/>
              <a:gd name="connsiteX21" fmla="*/ 0 w 2487309"/>
              <a:gd name="connsiteY21" fmla="*/ 858373 h 3314932"/>
              <a:gd name="connsiteX22" fmla="*/ 15217 w 2487309"/>
              <a:gd name="connsiteY22" fmla="*/ 803454 h 3314932"/>
              <a:gd name="connsiteX23" fmla="*/ 466381 w 2487309"/>
              <a:gd name="connsiteY23" fmla="*/ 51807 h 3314932"/>
              <a:gd name="connsiteX24" fmla="*/ 557934 w 2487309"/>
              <a:gd name="connsiteY24" fmla="*/ 0 h 33149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</a:cxnLst>
            <a:rect l="l" t="t" r="r" b="b"/>
            <a:pathLst>
              <a:path w="2487309" h="3314932">
                <a:moveTo>
                  <a:pt x="557934" y="0"/>
                </a:moveTo>
                <a:lnTo>
                  <a:pt x="2380693" y="0"/>
                </a:lnTo>
                <a:cubicBezTo>
                  <a:pt x="2424913" y="0"/>
                  <a:pt x="2462862" y="26883"/>
                  <a:pt x="2479072" y="65187"/>
                </a:cubicBezTo>
                <a:lnTo>
                  <a:pt x="2487309" y="105959"/>
                </a:lnTo>
                <a:lnTo>
                  <a:pt x="2487309" y="800379"/>
                </a:lnTo>
                <a:lnTo>
                  <a:pt x="2483594" y="827733"/>
                </a:lnTo>
                <a:cubicBezTo>
                  <a:pt x="2481036" y="836969"/>
                  <a:pt x="2477231" y="845861"/>
                  <a:pt x="2472247" y="854157"/>
                </a:cubicBezTo>
                <a:lnTo>
                  <a:pt x="2086999" y="1495992"/>
                </a:lnTo>
                <a:cubicBezTo>
                  <a:pt x="2044310" y="1567125"/>
                  <a:pt x="2095561" y="1657636"/>
                  <a:pt x="2178552" y="1657636"/>
                </a:cubicBezTo>
                <a:lnTo>
                  <a:pt x="2380693" y="1657636"/>
                </a:lnTo>
                <a:cubicBezTo>
                  <a:pt x="2424913" y="1657636"/>
                  <a:pt x="2462862" y="1684519"/>
                  <a:pt x="2479072" y="1722823"/>
                </a:cubicBezTo>
                <a:lnTo>
                  <a:pt x="2487309" y="1763595"/>
                </a:lnTo>
                <a:lnTo>
                  <a:pt x="2487309" y="2458015"/>
                </a:lnTo>
                <a:lnTo>
                  <a:pt x="2483594" y="2485369"/>
                </a:lnTo>
                <a:cubicBezTo>
                  <a:pt x="2481036" y="2494606"/>
                  <a:pt x="2477231" y="2503498"/>
                  <a:pt x="2472247" y="2511793"/>
                </a:cubicBezTo>
                <a:lnTo>
                  <a:pt x="2021083" y="3263441"/>
                </a:lnTo>
                <a:cubicBezTo>
                  <a:pt x="2011441" y="3279518"/>
                  <a:pt x="1997931" y="3292469"/>
                  <a:pt x="1982143" y="3301402"/>
                </a:cubicBezTo>
                <a:lnTo>
                  <a:pt x="1930726" y="3314932"/>
                </a:lnTo>
                <a:lnTo>
                  <a:pt x="105334" y="3314932"/>
                </a:lnTo>
                <a:lnTo>
                  <a:pt x="65214" y="3306834"/>
                </a:lnTo>
                <a:cubicBezTo>
                  <a:pt x="26894" y="3290631"/>
                  <a:pt x="0" y="3252698"/>
                  <a:pt x="0" y="3208497"/>
                </a:cubicBezTo>
                <a:lnTo>
                  <a:pt x="0" y="858373"/>
                </a:lnTo>
                <a:cubicBezTo>
                  <a:pt x="0" y="839021"/>
                  <a:pt x="5248" y="820046"/>
                  <a:pt x="15217" y="803454"/>
                </a:cubicBezTo>
                <a:lnTo>
                  <a:pt x="466381" y="51807"/>
                </a:lnTo>
                <a:cubicBezTo>
                  <a:pt x="485691" y="19678"/>
                  <a:pt x="520444" y="0"/>
                  <a:pt x="557934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17886911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Bilder (v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A626301B-92ED-FC60-D58E-E83F321FEB0D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8199" y="2088000"/>
            <a:ext cx="1962000" cy="575535"/>
          </a:xfrm>
        </p:spPr>
        <p:txBody>
          <a:bodyPr tIns="46800" bIns="46800" anchor="b">
            <a:noAutofit/>
          </a:bodyPr>
          <a:lstStyle>
            <a:lvl1pPr marL="0" indent="0" algn="ctr">
              <a:spcBef>
                <a:spcPts val="0"/>
              </a:spcBef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22" name="Plassholder for tekst 2">
            <a:extLst>
              <a:ext uri="{FF2B5EF4-FFF2-40B4-BE49-F238E27FC236}">
                <a16:creationId xmlns:a16="http://schemas.microsoft.com/office/drawing/2014/main" id="{E603E3E6-9E37-E1CB-46F9-01545DE61496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976599" y="2088000"/>
            <a:ext cx="1962000" cy="576250"/>
          </a:xfrm>
        </p:spPr>
        <p:txBody>
          <a:bodyPr tIns="46800" bIns="46800" anchor="b">
            <a:noAutofit/>
          </a:bodyPr>
          <a:lstStyle>
            <a:lvl1pPr marL="0" indent="0" algn="ctr">
              <a:spcBef>
                <a:spcPts val="0"/>
              </a:spcBef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26" name="Plassholder for tekst 2">
            <a:extLst>
              <a:ext uri="{FF2B5EF4-FFF2-40B4-BE49-F238E27FC236}">
                <a16:creationId xmlns:a16="http://schemas.microsoft.com/office/drawing/2014/main" id="{CE16A991-591F-CAAD-7A45-42CF6A6714F2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5114999" y="2088000"/>
            <a:ext cx="1962000" cy="576250"/>
          </a:xfrm>
        </p:spPr>
        <p:txBody>
          <a:bodyPr tIns="46800" bIns="46800" anchor="b">
            <a:noAutofit/>
          </a:bodyPr>
          <a:lstStyle>
            <a:lvl1pPr marL="0" indent="0" algn="ctr">
              <a:spcBef>
                <a:spcPts val="0"/>
              </a:spcBef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30" name="Plassholder for tekst 2">
            <a:extLst>
              <a:ext uri="{FF2B5EF4-FFF2-40B4-BE49-F238E27FC236}">
                <a16:creationId xmlns:a16="http://schemas.microsoft.com/office/drawing/2014/main" id="{B76AB1BF-AF1B-EF2E-8F06-DD93E634608B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7253399" y="2088000"/>
            <a:ext cx="1962000" cy="576250"/>
          </a:xfrm>
        </p:spPr>
        <p:txBody>
          <a:bodyPr tIns="46800" bIns="46800" anchor="b">
            <a:noAutofit/>
          </a:bodyPr>
          <a:lstStyle>
            <a:lvl1pPr marL="0" indent="0" algn="ctr">
              <a:spcBef>
                <a:spcPts val="0"/>
              </a:spcBef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4048E809-A4B9-794D-10F7-F37BAEF9676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639573D8-71D4-2D3C-C700-E5420324AFA0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9391800" y="2088000"/>
            <a:ext cx="1962000" cy="576250"/>
          </a:xfrm>
        </p:spPr>
        <p:txBody>
          <a:bodyPr tIns="46800" bIns="46800" anchor="b">
            <a:noAutofit/>
          </a:bodyPr>
          <a:lstStyle>
            <a:lvl1pPr marL="0" indent="0" algn="ctr">
              <a:spcBef>
                <a:spcPts val="0"/>
              </a:spcBef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" name="Tittel 1">
            <a:extLst>
              <a:ext uri="{FF2B5EF4-FFF2-40B4-BE49-F238E27FC236}">
                <a16:creationId xmlns:a16="http://schemas.microsoft.com/office/drawing/2014/main" id="{CB046190-18F1-B510-732D-0343420A73A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7" name="Plassholder for bilde 6">
            <a:extLst>
              <a:ext uri="{FF2B5EF4-FFF2-40B4-BE49-F238E27FC236}">
                <a16:creationId xmlns:a16="http://schemas.microsoft.com/office/drawing/2014/main" id="{B4D3BFEB-B91A-7355-B842-25DB1688E89A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8199" y="2915975"/>
            <a:ext cx="1962000" cy="2615151"/>
          </a:xfrm>
          <a:custGeom>
            <a:avLst/>
            <a:gdLst>
              <a:gd name="connsiteX0" fmla="*/ 675893 w 3013075"/>
              <a:gd name="connsiteY0" fmla="*/ 0 h 4016129"/>
              <a:gd name="connsiteX1" fmla="*/ 2884021 w 3013075"/>
              <a:gd name="connsiteY1" fmla="*/ 0 h 4016129"/>
              <a:gd name="connsiteX2" fmla="*/ 3003199 w 3013075"/>
              <a:gd name="connsiteY2" fmla="*/ 78969 h 4016129"/>
              <a:gd name="connsiteX3" fmla="*/ 3013075 w 3013075"/>
              <a:gd name="connsiteY3" fmla="*/ 127855 h 4016129"/>
              <a:gd name="connsiteX4" fmla="*/ 3013075 w 3013075"/>
              <a:gd name="connsiteY4" fmla="*/ 3888275 h 4016129"/>
              <a:gd name="connsiteX5" fmla="*/ 3003199 w 3013075"/>
              <a:gd name="connsiteY5" fmla="*/ 3937161 h 4016129"/>
              <a:gd name="connsiteX6" fmla="*/ 2884021 w 3013075"/>
              <a:gd name="connsiteY6" fmla="*/ 4016129 h 4016129"/>
              <a:gd name="connsiteX7" fmla="*/ 129344 w 3013075"/>
              <a:gd name="connsiteY7" fmla="*/ 4016129 h 4016129"/>
              <a:gd name="connsiteX8" fmla="*/ 0 w 3013075"/>
              <a:gd name="connsiteY8" fmla="*/ 3886839 h 4016129"/>
              <a:gd name="connsiteX9" fmla="*/ 0 w 3013075"/>
              <a:gd name="connsiteY9" fmla="*/ 1039851 h 4016129"/>
              <a:gd name="connsiteX10" fmla="*/ 18434 w 3013075"/>
              <a:gd name="connsiteY10" fmla="*/ 973321 h 4016129"/>
              <a:gd name="connsiteX11" fmla="*/ 564983 w 3013075"/>
              <a:gd name="connsiteY11" fmla="*/ 62760 h 4016129"/>
              <a:gd name="connsiteX12" fmla="*/ 675893 w 3013075"/>
              <a:gd name="connsiteY12" fmla="*/ 0 h 40161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3013075" h="4016129">
                <a:moveTo>
                  <a:pt x="675893" y="0"/>
                </a:moveTo>
                <a:lnTo>
                  <a:pt x="2884021" y="0"/>
                </a:lnTo>
                <a:cubicBezTo>
                  <a:pt x="2937590" y="0"/>
                  <a:pt x="2983561" y="32566"/>
                  <a:pt x="3003199" y="78969"/>
                </a:cubicBezTo>
                <a:lnTo>
                  <a:pt x="3013075" y="127855"/>
                </a:lnTo>
                <a:lnTo>
                  <a:pt x="3013075" y="3888275"/>
                </a:lnTo>
                <a:lnTo>
                  <a:pt x="3003199" y="3937161"/>
                </a:lnTo>
                <a:cubicBezTo>
                  <a:pt x="2983561" y="3983563"/>
                  <a:pt x="2937590" y="4016129"/>
                  <a:pt x="2884021" y="4016129"/>
                </a:cubicBezTo>
                <a:lnTo>
                  <a:pt x="129344" y="4016129"/>
                </a:lnTo>
                <a:cubicBezTo>
                  <a:pt x="57919" y="4016129"/>
                  <a:pt x="0" y="3958234"/>
                  <a:pt x="0" y="3886839"/>
                </a:cubicBezTo>
                <a:lnTo>
                  <a:pt x="0" y="1039851"/>
                </a:lnTo>
                <a:cubicBezTo>
                  <a:pt x="0" y="1016408"/>
                  <a:pt x="6358" y="993420"/>
                  <a:pt x="18434" y="973321"/>
                </a:cubicBezTo>
                <a:lnTo>
                  <a:pt x="564983" y="62760"/>
                </a:lnTo>
                <a:cubicBezTo>
                  <a:pt x="588376" y="23839"/>
                  <a:pt x="630477" y="0"/>
                  <a:pt x="675893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8" name="Plassholder for bilde 7">
            <a:extLst>
              <a:ext uri="{FF2B5EF4-FFF2-40B4-BE49-F238E27FC236}">
                <a16:creationId xmlns:a16="http://schemas.microsoft.com/office/drawing/2014/main" id="{401B58C5-300D-BD68-6A4F-AEF833660933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2975959" y="2915833"/>
            <a:ext cx="1962000" cy="2614899"/>
          </a:xfrm>
          <a:custGeom>
            <a:avLst/>
            <a:gdLst>
              <a:gd name="connsiteX0" fmla="*/ 129344 w 3013364"/>
              <a:gd name="connsiteY0" fmla="*/ 0 h 4016129"/>
              <a:gd name="connsiteX1" fmla="*/ 2884021 w 3013364"/>
              <a:gd name="connsiteY1" fmla="*/ 0 h 4016129"/>
              <a:gd name="connsiteX2" fmla="*/ 3003199 w 3013364"/>
              <a:gd name="connsiteY2" fmla="*/ 78969 h 4016129"/>
              <a:gd name="connsiteX3" fmla="*/ 3013364 w 3013364"/>
              <a:gd name="connsiteY3" fmla="*/ 129285 h 4016129"/>
              <a:gd name="connsiteX4" fmla="*/ 3013364 w 3013364"/>
              <a:gd name="connsiteY4" fmla="*/ 2976286 h 4016129"/>
              <a:gd name="connsiteX5" fmla="*/ 3008677 w 3013364"/>
              <a:gd name="connsiteY5" fmla="*/ 3010798 h 4016129"/>
              <a:gd name="connsiteX6" fmla="*/ 2994931 w 3013364"/>
              <a:gd name="connsiteY6" fmla="*/ 3042808 h 4016129"/>
              <a:gd name="connsiteX7" fmla="*/ 2448382 w 3013364"/>
              <a:gd name="connsiteY7" fmla="*/ 3953370 h 4016129"/>
              <a:gd name="connsiteX8" fmla="*/ 2401209 w 3013364"/>
              <a:gd name="connsiteY8" fmla="*/ 3999357 h 4016129"/>
              <a:gd name="connsiteX9" fmla="*/ 2337476 w 3013364"/>
              <a:gd name="connsiteY9" fmla="*/ 4016129 h 4016129"/>
              <a:gd name="connsiteX10" fmla="*/ 129339 w 3013364"/>
              <a:gd name="connsiteY10" fmla="*/ 4016129 h 4016129"/>
              <a:gd name="connsiteX11" fmla="*/ 79002 w 3013364"/>
              <a:gd name="connsiteY11" fmla="*/ 4005969 h 4016129"/>
              <a:gd name="connsiteX12" fmla="*/ 0 w 3013364"/>
              <a:gd name="connsiteY12" fmla="*/ 3886840 h 4016129"/>
              <a:gd name="connsiteX13" fmla="*/ 0 w 3013364"/>
              <a:gd name="connsiteY13" fmla="*/ 129290 h 4016129"/>
              <a:gd name="connsiteX14" fmla="*/ 129344 w 3013364"/>
              <a:gd name="connsiteY14" fmla="*/ 0 h 40161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3013364" h="4016129">
                <a:moveTo>
                  <a:pt x="129344" y="0"/>
                </a:moveTo>
                <a:lnTo>
                  <a:pt x="2884021" y="0"/>
                </a:lnTo>
                <a:cubicBezTo>
                  <a:pt x="2937590" y="0"/>
                  <a:pt x="2983561" y="32566"/>
                  <a:pt x="3003199" y="78969"/>
                </a:cubicBezTo>
                <a:lnTo>
                  <a:pt x="3013364" y="129285"/>
                </a:lnTo>
                <a:lnTo>
                  <a:pt x="3013364" y="2976286"/>
                </a:lnTo>
                <a:lnTo>
                  <a:pt x="3008677" y="3010798"/>
                </a:lnTo>
                <a:cubicBezTo>
                  <a:pt x="3005578" y="3021988"/>
                  <a:pt x="3000969" y="3032759"/>
                  <a:pt x="2994931" y="3042808"/>
                </a:cubicBezTo>
                <a:lnTo>
                  <a:pt x="2448382" y="3953370"/>
                </a:lnTo>
                <a:cubicBezTo>
                  <a:pt x="2436701" y="3972846"/>
                  <a:pt x="2420335" y="3988536"/>
                  <a:pt x="2401209" y="3999357"/>
                </a:cubicBezTo>
                <a:lnTo>
                  <a:pt x="2337476" y="4016129"/>
                </a:lnTo>
                <a:lnTo>
                  <a:pt x="129339" y="4016129"/>
                </a:lnTo>
                <a:lnTo>
                  <a:pt x="79002" y="4005969"/>
                </a:lnTo>
                <a:cubicBezTo>
                  <a:pt x="32580" y="3986339"/>
                  <a:pt x="0" y="3940386"/>
                  <a:pt x="0" y="3886840"/>
                </a:cubicBezTo>
                <a:lnTo>
                  <a:pt x="0" y="129290"/>
                </a:lnTo>
                <a:cubicBezTo>
                  <a:pt x="0" y="57895"/>
                  <a:pt x="57919" y="0"/>
                  <a:pt x="129344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FontTx/>
              <a:buNone/>
              <a:defRPr sz="16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9" name="Plassholder for bilde 8">
            <a:extLst>
              <a:ext uri="{FF2B5EF4-FFF2-40B4-BE49-F238E27FC236}">
                <a16:creationId xmlns:a16="http://schemas.microsoft.com/office/drawing/2014/main" id="{6E8707E7-381C-88D3-859E-F88B4AFFC347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5114999" y="2915822"/>
            <a:ext cx="1962190" cy="2615151"/>
          </a:xfrm>
          <a:custGeom>
            <a:avLst/>
            <a:gdLst>
              <a:gd name="connsiteX0" fmla="*/ 129325 w 3012910"/>
              <a:gd name="connsiteY0" fmla="*/ 0 h 4015521"/>
              <a:gd name="connsiteX1" fmla="*/ 2883585 w 3012910"/>
              <a:gd name="connsiteY1" fmla="*/ 0 h 4015521"/>
              <a:gd name="connsiteX2" fmla="*/ 3012910 w 3012910"/>
              <a:gd name="connsiteY2" fmla="*/ 129270 h 4015521"/>
              <a:gd name="connsiteX3" fmla="*/ 3012910 w 3012910"/>
              <a:gd name="connsiteY3" fmla="*/ 3886251 h 4015521"/>
              <a:gd name="connsiteX4" fmla="*/ 2883585 w 3012910"/>
              <a:gd name="connsiteY4" fmla="*/ 4015521 h 4015521"/>
              <a:gd name="connsiteX5" fmla="*/ 129325 w 3012910"/>
              <a:gd name="connsiteY5" fmla="*/ 4015521 h 4015521"/>
              <a:gd name="connsiteX6" fmla="*/ 0 w 3012910"/>
              <a:gd name="connsiteY6" fmla="*/ 3886251 h 4015521"/>
              <a:gd name="connsiteX7" fmla="*/ 0 w 3012910"/>
              <a:gd name="connsiteY7" fmla="*/ 129270 h 4015521"/>
              <a:gd name="connsiteX8" fmla="*/ 129325 w 3012910"/>
              <a:gd name="connsiteY8" fmla="*/ 0 h 401552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012910" h="4015521">
                <a:moveTo>
                  <a:pt x="129325" y="0"/>
                </a:moveTo>
                <a:lnTo>
                  <a:pt x="2883585" y="0"/>
                </a:lnTo>
                <a:cubicBezTo>
                  <a:pt x="2955009" y="0"/>
                  <a:pt x="3012910" y="57876"/>
                  <a:pt x="3012910" y="129270"/>
                </a:cubicBezTo>
                <a:lnTo>
                  <a:pt x="3012910" y="3886251"/>
                </a:lnTo>
                <a:cubicBezTo>
                  <a:pt x="3012910" y="3957645"/>
                  <a:pt x="2955009" y="4015521"/>
                  <a:pt x="2883585" y="4015521"/>
                </a:cubicBezTo>
                <a:lnTo>
                  <a:pt x="129325" y="4015521"/>
                </a:lnTo>
                <a:cubicBezTo>
                  <a:pt x="57901" y="4015521"/>
                  <a:pt x="0" y="3957645"/>
                  <a:pt x="0" y="3886251"/>
                </a:cubicBezTo>
                <a:lnTo>
                  <a:pt x="0" y="129270"/>
                </a:lnTo>
                <a:cubicBezTo>
                  <a:pt x="0" y="57876"/>
                  <a:pt x="57901" y="0"/>
                  <a:pt x="12932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11" name="Plassholder for bilde 10">
            <a:extLst>
              <a:ext uri="{FF2B5EF4-FFF2-40B4-BE49-F238E27FC236}">
                <a16:creationId xmlns:a16="http://schemas.microsoft.com/office/drawing/2014/main" id="{EF4B6C40-4474-E48D-2DDB-B55CC37CD55E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7252949" y="2915867"/>
            <a:ext cx="1962000" cy="2614832"/>
          </a:xfrm>
          <a:custGeom>
            <a:avLst/>
            <a:gdLst>
              <a:gd name="connsiteX0" fmla="*/ 557934 w 2487309"/>
              <a:gd name="connsiteY0" fmla="*/ 0 h 3314932"/>
              <a:gd name="connsiteX1" fmla="*/ 2380693 w 2487309"/>
              <a:gd name="connsiteY1" fmla="*/ 0 h 3314932"/>
              <a:gd name="connsiteX2" fmla="*/ 2479072 w 2487309"/>
              <a:gd name="connsiteY2" fmla="*/ 65187 h 3314932"/>
              <a:gd name="connsiteX3" fmla="*/ 2487309 w 2487309"/>
              <a:gd name="connsiteY3" fmla="*/ 105959 h 3314932"/>
              <a:gd name="connsiteX4" fmla="*/ 2487309 w 2487309"/>
              <a:gd name="connsiteY4" fmla="*/ 800379 h 3314932"/>
              <a:gd name="connsiteX5" fmla="*/ 2483594 w 2487309"/>
              <a:gd name="connsiteY5" fmla="*/ 827733 h 3314932"/>
              <a:gd name="connsiteX6" fmla="*/ 2472247 w 2487309"/>
              <a:gd name="connsiteY6" fmla="*/ 854157 h 3314932"/>
              <a:gd name="connsiteX7" fmla="*/ 2086999 w 2487309"/>
              <a:gd name="connsiteY7" fmla="*/ 1495992 h 3314932"/>
              <a:gd name="connsiteX8" fmla="*/ 2178552 w 2487309"/>
              <a:gd name="connsiteY8" fmla="*/ 1657636 h 3314932"/>
              <a:gd name="connsiteX9" fmla="*/ 2380693 w 2487309"/>
              <a:gd name="connsiteY9" fmla="*/ 1657636 h 3314932"/>
              <a:gd name="connsiteX10" fmla="*/ 2479072 w 2487309"/>
              <a:gd name="connsiteY10" fmla="*/ 1722823 h 3314932"/>
              <a:gd name="connsiteX11" fmla="*/ 2487309 w 2487309"/>
              <a:gd name="connsiteY11" fmla="*/ 1763595 h 3314932"/>
              <a:gd name="connsiteX12" fmla="*/ 2487309 w 2487309"/>
              <a:gd name="connsiteY12" fmla="*/ 2458015 h 3314932"/>
              <a:gd name="connsiteX13" fmla="*/ 2483594 w 2487309"/>
              <a:gd name="connsiteY13" fmla="*/ 2485369 h 3314932"/>
              <a:gd name="connsiteX14" fmla="*/ 2472247 w 2487309"/>
              <a:gd name="connsiteY14" fmla="*/ 2511793 h 3314932"/>
              <a:gd name="connsiteX15" fmla="*/ 2021083 w 2487309"/>
              <a:gd name="connsiteY15" fmla="*/ 3263441 h 3314932"/>
              <a:gd name="connsiteX16" fmla="*/ 1982143 w 2487309"/>
              <a:gd name="connsiteY16" fmla="*/ 3301402 h 3314932"/>
              <a:gd name="connsiteX17" fmla="*/ 1930726 w 2487309"/>
              <a:gd name="connsiteY17" fmla="*/ 3314932 h 3314932"/>
              <a:gd name="connsiteX18" fmla="*/ 105334 w 2487309"/>
              <a:gd name="connsiteY18" fmla="*/ 3314932 h 3314932"/>
              <a:gd name="connsiteX19" fmla="*/ 65214 w 2487309"/>
              <a:gd name="connsiteY19" fmla="*/ 3306834 h 3314932"/>
              <a:gd name="connsiteX20" fmla="*/ 0 w 2487309"/>
              <a:gd name="connsiteY20" fmla="*/ 3208497 h 3314932"/>
              <a:gd name="connsiteX21" fmla="*/ 0 w 2487309"/>
              <a:gd name="connsiteY21" fmla="*/ 858373 h 3314932"/>
              <a:gd name="connsiteX22" fmla="*/ 15217 w 2487309"/>
              <a:gd name="connsiteY22" fmla="*/ 803454 h 3314932"/>
              <a:gd name="connsiteX23" fmla="*/ 466381 w 2487309"/>
              <a:gd name="connsiteY23" fmla="*/ 51807 h 3314932"/>
              <a:gd name="connsiteX24" fmla="*/ 557934 w 2487309"/>
              <a:gd name="connsiteY24" fmla="*/ 0 h 33149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</a:cxnLst>
            <a:rect l="l" t="t" r="r" b="b"/>
            <a:pathLst>
              <a:path w="2487309" h="3314932">
                <a:moveTo>
                  <a:pt x="557934" y="0"/>
                </a:moveTo>
                <a:lnTo>
                  <a:pt x="2380693" y="0"/>
                </a:lnTo>
                <a:cubicBezTo>
                  <a:pt x="2424913" y="0"/>
                  <a:pt x="2462862" y="26883"/>
                  <a:pt x="2479072" y="65187"/>
                </a:cubicBezTo>
                <a:lnTo>
                  <a:pt x="2487309" y="105959"/>
                </a:lnTo>
                <a:lnTo>
                  <a:pt x="2487309" y="800379"/>
                </a:lnTo>
                <a:lnTo>
                  <a:pt x="2483594" y="827733"/>
                </a:lnTo>
                <a:cubicBezTo>
                  <a:pt x="2481036" y="836969"/>
                  <a:pt x="2477231" y="845861"/>
                  <a:pt x="2472247" y="854157"/>
                </a:cubicBezTo>
                <a:lnTo>
                  <a:pt x="2086999" y="1495992"/>
                </a:lnTo>
                <a:cubicBezTo>
                  <a:pt x="2044310" y="1567125"/>
                  <a:pt x="2095561" y="1657636"/>
                  <a:pt x="2178552" y="1657636"/>
                </a:cubicBezTo>
                <a:lnTo>
                  <a:pt x="2380693" y="1657636"/>
                </a:lnTo>
                <a:cubicBezTo>
                  <a:pt x="2424913" y="1657636"/>
                  <a:pt x="2462862" y="1684519"/>
                  <a:pt x="2479072" y="1722823"/>
                </a:cubicBezTo>
                <a:lnTo>
                  <a:pt x="2487309" y="1763595"/>
                </a:lnTo>
                <a:lnTo>
                  <a:pt x="2487309" y="2458015"/>
                </a:lnTo>
                <a:lnTo>
                  <a:pt x="2483594" y="2485369"/>
                </a:lnTo>
                <a:cubicBezTo>
                  <a:pt x="2481036" y="2494606"/>
                  <a:pt x="2477231" y="2503498"/>
                  <a:pt x="2472247" y="2511793"/>
                </a:cubicBezTo>
                <a:lnTo>
                  <a:pt x="2021083" y="3263441"/>
                </a:lnTo>
                <a:cubicBezTo>
                  <a:pt x="2011441" y="3279518"/>
                  <a:pt x="1997931" y="3292469"/>
                  <a:pt x="1982143" y="3301402"/>
                </a:cubicBezTo>
                <a:lnTo>
                  <a:pt x="1930726" y="3314932"/>
                </a:lnTo>
                <a:lnTo>
                  <a:pt x="105334" y="3314932"/>
                </a:lnTo>
                <a:lnTo>
                  <a:pt x="65214" y="3306834"/>
                </a:lnTo>
                <a:cubicBezTo>
                  <a:pt x="26894" y="3290631"/>
                  <a:pt x="0" y="3252698"/>
                  <a:pt x="0" y="3208497"/>
                </a:cubicBezTo>
                <a:lnTo>
                  <a:pt x="0" y="858373"/>
                </a:lnTo>
                <a:cubicBezTo>
                  <a:pt x="0" y="839021"/>
                  <a:pt x="5248" y="820046"/>
                  <a:pt x="15217" y="803454"/>
                </a:cubicBezTo>
                <a:lnTo>
                  <a:pt x="466381" y="51807"/>
                </a:lnTo>
                <a:cubicBezTo>
                  <a:pt x="485691" y="19678"/>
                  <a:pt x="520444" y="0"/>
                  <a:pt x="557934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19" name="Plassholder for bilde 18">
            <a:extLst>
              <a:ext uri="{FF2B5EF4-FFF2-40B4-BE49-F238E27FC236}">
                <a16:creationId xmlns:a16="http://schemas.microsoft.com/office/drawing/2014/main" id="{22582E08-583E-30E4-3286-AB3F4142FFB1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9392592" y="2916836"/>
            <a:ext cx="1961208" cy="2613863"/>
          </a:xfrm>
          <a:custGeom>
            <a:avLst/>
            <a:gdLst>
              <a:gd name="connsiteX0" fmla="*/ 439896 w 1961208"/>
              <a:gd name="connsiteY0" fmla="*/ 0 h 2613863"/>
              <a:gd name="connsiteX1" fmla="*/ 1877026 w 1961208"/>
              <a:gd name="connsiteY1" fmla="*/ 0 h 2613863"/>
              <a:gd name="connsiteX2" fmla="*/ 1961208 w 1961208"/>
              <a:gd name="connsiteY2" fmla="*/ 84146 h 2613863"/>
              <a:gd name="connsiteX3" fmla="*/ 1961208 w 1961208"/>
              <a:gd name="connsiteY3" fmla="*/ 1283609 h 2613863"/>
              <a:gd name="connsiteX4" fmla="*/ 1949210 w 1961208"/>
              <a:gd name="connsiteY4" fmla="*/ 1326909 h 2613863"/>
              <a:gd name="connsiteX5" fmla="*/ 1645467 w 1961208"/>
              <a:gd name="connsiteY5" fmla="*/ 1832956 h 2613863"/>
              <a:gd name="connsiteX6" fmla="*/ 1717651 w 1961208"/>
              <a:gd name="connsiteY6" fmla="*/ 1960402 h 2613863"/>
              <a:gd name="connsiteX7" fmla="*/ 1812524 w 1961208"/>
              <a:gd name="connsiteY7" fmla="*/ 1960402 h 2613863"/>
              <a:gd name="connsiteX8" fmla="*/ 1884708 w 1961208"/>
              <a:gd name="connsiteY8" fmla="*/ 2087849 h 2613863"/>
              <a:gd name="connsiteX9" fmla="*/ 1593477 w 1961208"/>
              <a:gd name="connsiteY9" fmla="*/ 2573017 h 2613863"/>
              <a:gd name="connsiteX10" fmla="*/ 1521293 w 1961208"/>
              <a:gd name="connsiteY10" fmla="*/ 2613863 h 2613863"/>
              <a:gd name="connsiteX11" fmla="*/ 84182 w 1961208"/>
              <a:gd name="connsiteY11" fmla="*/ 2613863 h 2613863"/>
              <a:gd name="connsiteX12" fmla="*/ 0 w 1961208"/>
              <a:gd name="connsiteY12" fmla="*/ 2529717 h 2613863"/>
              <a:gd name="connsiteX13" fmla="*/ 0 w 1961208"/>
              <a:gd name="connsiteY13" fmla="*/ 676773 h 2613863"/>
              <a:gd name="connsiteX14" fmla="*/ 11998 w 1961208"/>
              <a:gd name="connsiteY14" fmla="*/ 633473 h 2613863"/>
              <a:gd name="connsiteX15" fmla="*/ 367712 w 1961208"/>
              <a:gd name="connsiteY15" fmla="*/ 40846 h 2613863"/>
              <a:gd name="connsiteX16" fmla="*/ 439896 w 1961208"/>
              <a:gd name="connsiteY16" fmla="*/ 0 h 26138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961208" h="2613863">
                <a:moveTo>
                  <a:pt x="439896" y="0"/>
                </a:moveTo>
                <a:lnTo>
                  <a:pt x="1877026" y="0"/>
                </a:lnTo>
                <a:cubicBezTo>
                  <a:pt x="1923512" y="0"/>
                  <a:pt x="1961208" y="37680"/>
                  <a:pt x="1961208" y="84146"/>
                </a:cubicBezTo>
                <a:lnTo>
                  <a:pt x="1961208" y="1283609"/>
                </a:lnTo>
                <a:cubicBezTo>
                  <a:pt x="1961208" y="1298867"/>
                  <a:pt x="1957070" y="1313828"/>
                  <a:pt x="1949210" y="1326909"/>
                </a:cubicBezTo>
                <a:lnTo>
                  <a:pt x="1645467" y="1832956"/>
                </a:lnTo>
                <a:cubicBezTo>
                  <a:pt x="1611810" y="1889040"/>
                  <a:pt x="1652218" y="1960402"/>
                  <a:pt x="1717651" y="1960402"/>
                </a:cubicBezTo>
                <a:lnTo>
                  <a:pt x="1812524" y="1960402"/>
                </a:lnTo>
                <a:cubicBezTo>
                  <a:pt x="1877957" y="1960402"/>
                  <a:pt x="1918365" y="2031765"/>
                  <a:pt x="1884708" y="2087849"/>
                </a:cubicBezTo>
                <a:lnTo>
                  <a:pt x="1593477" y="2573017"/>
                </a:lnTo>
                <a:cubicBezTo>
                  <a:pt x="1578272" y="2598368"/>
                  <a:pt x="1550871" y="2613863"/>
                  <a:pt x="1521293" y="2613863"/>
                </a:cubicBezTo>
                <a:lnTo>
                  <a:pt x="84182" y="2613863"/>
                </a:lnTo>
                <a:cubicBezTo>
                  <a:pt x="37696" y="2613863"/>
                  <a:pt x="0" y="2576183"/>
                  <a:pt x="0" y="2529717"/>
                </a:cubicBezTo>
                <a:lnTo>
                  <a:pt x="0" y="676773"/>
                </a:lnTo>
                <a:cubicBezTo>
                  <a:pt x="0" y="661515"/>
                  <a:pt x="4138" y="646554"/>
                  <a:pt x="11998" y="633473"/>
                </a:cubicBezTo>
                <a:lnTo>
                  <a:pt x="367712" y="40846"/>
                </a:lnTo>
                <a:cubicBezTo>
                  <a:pt x="382936" y="15515"/>
                  <a:pt x="410337" y="0"/>
                  <a:pt x="439896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3802561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5">
            <a:extLst>
              <a:ext uri="{FF2B5EF4-FFF2-40B4-BE49-F238E27FC236}">
                <a16:creationId xmlns:a16="http://schemas.microsoft.com/office/drawing/2014/main" id="{8F3FE7BC-CCDA-25E1-31CE-556CF758717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39124" y="819196"/>
            <a:ext cx="10512596" cy="5221779"/>
          </a:xfrm>
          <a:custGeom>
            <a:avLst/>
            <a:gdLst>
              <a:gd name="connsiteX0" fmla="*/ 1170935 w 10511434"/>
              <a:gd name="connsiteY0" fmla="*/ 0 h 5219602"/>
              <a:gd name="connsiteX1" fmla="*/ 10287355 w 10511434"/>
              <a:gd name="connsiteY1" fmla="*/ 0 h 5219602"/>
              <a:gd name="connsiteX2" fmla="*/ 10511434 w 10511434"/>
              <a:gd name="connsiteY2" fmla="*/ 224041 h 5219602"/>
              <a:gd name="connsiteX3" fmla="*/ 10511434 w 10511434"/>
              <a:gd name="connsiteY3" fmla="*/ 4995561 h 5219602"/>
              <a:gd name="connsiteX4" fmla="*/ 10287355 w 10511434"/>
              <a:gd name="connsiteY4" fmla="*/ 5219602 h 5219602"/>
              <a:gd name="connsiteX5" fmla="*/ 8647340 w 10511434"/>
              <a:gd name="connsiteY5" fmla="*/ 5219602 h 5219602"/>
              <a:gd name="connsiteX6" fmla="*/ 8423260 w 10511434"/>
              <a:gd name="connsiteY6" fmla="*/ 4995561 h 5219602"/>
              <a:gd name="connsiteX7" fmla="*/ 8423260 w 10511434"/>
              <a:gd name="connsiteY7" fmla="*/ 4288609 h 5219602"/>
              <a:gd name="connsiteX8" fmla="*/ 8007038 w 10511434"/>
              <a:gd name="connsiteY8" fmla="*/ 4173321 h 5219602"/>
              <a:gd name="connsiteX9" fmla="*/ 7444469 w 10511434"/>
              <a:gd name="connsiteY9" fmla="*/ 5110796 h 5219602"/>
              <a:gd name="connsiteX10" fmla="*/ 7252326 w 10511434"/>
              <a:gd name="connsiteY10" fmla="*/ 5219549 h 5219602"/>
              <a:gd name="connsiteX11" fmla="*/ 224079 w 10511434"/>
              <a:gd name="connsiteY11" fmla="*/ 5219549 h 5219602"/>
              <a:gd name="connsiteX12" fmla="*/ 0 w 10511434"/>
              <a:gd name="connsiteY12" fmla="*/ 4995508 h 5219602"/>
              <a:gd name="connsiteX13" fmla="*/ 0 w 10511434"/>
              <a:gd name="connsiteY13" fmla="*/ 1801920 h 5219602"/>
              <a:gd name="connsiteX14" fmla="*/ 31936 w 10511434"/>
              <a:gd name="connsiteY14" fmla="*/ 1686632 h 5219602"/>
              <a:gd name="connsiteX15" fmla="*/ 978792 w 10511434"/>
              <a:gd name="connsiteY15" fmla="*/ 108754 h 5219602"/>
              <a:gd name="connsiteX16" fmla="*/ 1170935 w 10511434"/>
              <a:gd name="connsiteY16" fmla="*/ 0 h 5219602"/>
              <a:gd name="connsiteX0" fmla="*/ 1170935 w 10511434"/>
              <a:gd name="connsiteY0" fmla="*/ 0 h 5219602"/>
              <a:gd name="connsiteX1" fmla="*/ 10287355 w 10511434"/>
              <a:gd name="connsiteY1" fmla="*/ 0 h 5219602"/>
              <a:gd name="connsiteX2" fmla="*/ 10511434 w 10511434"/>
              <a:gd name="connsiteY2" fmla="*/ 224041 h 5219602"/>
              <a:gd name="connsiteX3" fmla="*/ 10511434 w 10511434"/>
              <a:gd name="connsiteY3" fmla="*/ 4995561 h 5219602"/>
              <a:gd name="connsiteX4" fmla="*/ 10287355 w 10511434"/>
              <a:gd name="connsiteY4" fmla="*/ 5219602 h 5219602"/>
              <a:gd name="connsiteX5" fmla="*/ 8647340 w 10511434"/>
              <a:gd name="connsiteY5" fmla="*/ 5219602 h 5219602"/>
              <a:gd name="connsiteX6" fmla="*/ 8423260 w 10511434"/>
              <a:gd name="connsiteY6" fmla="*/ 4995561 h 5219602"/>
              <a:gd name="connsiteX7" fmla="*/ 8423260 w 10511434"/>
              <a:gd name="connsiteY7" fmla="*/ 4288609 h 5219602"/>
              <a:gd name="connsiteX8" fmla="*/ 8007038 w 10511434"/>
              <a:gd name="connsiteY8" fmla="*/ 4173321 h 5219602"/>
              <a:gd name="connsiteX9" fmla="*/ 7444469 w 10511434"/>
              <a:gd name="connsiteY9" fmla="*/ 5110796 h 5219602"/>
              <a:gd name="connsiteX10" fmla="*/ 7252326 w 10511434"/>
              <a:gd name="connsiteY10" fmla="*/ 5219549 h 5219602"/>
              <a:gd name="connsiteX11" fmla="*/ 224079 w 10511434"/>
              <a:gd name="connsiteY11" fmla="*/ 5219549 h 5219602"/>
              <a:gd name="connsiteX12" fmla="*/ 0 w 10511434"/>
              <a:gd name="connsiteY12" fmla="*/ 4995508 h 5219602"/>
              <a:gd name="connsiteX13" fmla="*/ 6179 w 10511434"/>
              <a:gd name="connsiteY13" fmla="*/ 3043774 h 5219602"/>
              <a:gd name="connsiteX14" fmla="*/ 31936 w 10511434"/>
              <a:gd name="connsiteY14" fmla="*/ 1686632 h 5219602"/>
              <a:gd name="connsiteX15" fmla="*/ 978792 w 10511434"/>
              <a:gd name="connsiteY15" fmla="*/ 108754 h 5219602"/>
              <a:gd name="connsiteX16" fmla="*/ 1170935 w 10511434"/>
              <a:gd name="connsiteY16" fmla="*/ 0 h 5219602"/>
              <a:gd name="connsiteX0" fmla="*/ 1170935 w 10511434"/>
              <a:gd name="connsiteY0" fmla="*/ 0 h 5219602"/>
              <a:gd name="connsiteX1" fmla="*/ 4615225 w 10511434"/>
              <a:gd name="connsiteY1" fmla="*/ 2525 h 5219602"/>
              <a:gd name="connsiteX2" fmla="*/ 10287355 w 10511434"/>
              <a:gd name="connsiteY2" fmla="*/ 0 h 5219602"/>
              <a:gd name="connsiteX3" fmla="*/ 10511434 w 10511434"/>
              <a:gd name="connsiteY3" fmla="*/ 224041 h 5219602"/>
              <a:gd name="connsiteX4" fmla="*/ 10511434 w 10511434"/>
              <a:gd name="connsiteY4" fmla="*/ 4995561 h 5219602"/>
              <a:gd name="connsiteX5" fmla="*/ 10287355 w 10511434"/>
              <a:gd name="connsiteY5" fmla="*/ 5219602 h 5219602"/>
              <a:gd name="connsiteX6" fmla="*/ 8647340 w 10511434"/>
              <a:gd name="connsiteY6" fmla="*/ 5219602 h 5219602"/>
              <a:gd name="connsiteX7" fmla="*/ 8423260 w 10511434"/>
              <a:gd name="connsiteY7" fmla="*/ 4995561 h 5219602"/>
              <a:gd name="connsiteX8" fmla="*/ 8423260 w 10511434"/>
              <a:gd name="connsiteY8" fmla="*/ 4288609 h 5219602"/>
              <a:gd name="connsiteX9" fmla="*/ 8007038 w 10511434"/>
              <a:gd name="connsiteY9" fmla="*/ 4173321 h 5219602"/>
              <a:gd name="connsiteX10" fmla="*/ 7444469 w 10511434"/>
              <a:gd name="connsiteY10" fmla="*/ 5110796 h 5219602"/>
              <a:gd name="connsiteX11" fmla="*/ 7252326 w 10511434"/>
              <a:gd name="connsiteY11" fmla="*/ 5219549 h 5219602"/>
              <a:gd name="connsiteX12" fmla="*/ 224079 w 10511434"/>
              <a:gd name="connsiteY12" fmla="*/ 5219549 h 5219602"/>
              <a:gd name="connsiteX13" fmla="*/ 0 w 10511434"/>
              <a:gd name="connsiteY13" fmla="*/ 4995508 h 5219602"/>
              <a:gd name="connsiteX14" fmla="*/ 6179 w 10511434"/>
              <a:gd name="connsiteY14" fmla="*/ 3043774 h 5219602"/>
              <a:gd name="connsiteX15" fmla="*/ 31936 w 10511434"/>
              <a:gd name="connsiteY15" fmla="*/ 1686632 h 5219602"/>
              <a:gd name="connsiteX16" fmla="*/ 978792 w 10511434"/>
              <a:gd name="connsiteY16" fmla="*/ 108754 h 5219602"/>
              <a:gd name="connsiteX17" fmla="*/ 1170935 w 10511434"/>
              <a:gd name="connsiteY17" fmla="*/ 0 h 5219602"/>
              <a:gd name="connsiteX0" fmla="*/ 1170935 w 10511434"/>
              <a:gd name="connsiteY0" fmla="*/ 3653 h 5223255"/>
              <a:gd name="connsiteX1" fmla="*/ 6542880 w 10511434"/>
              <a:gd name="connsiteY1" fmla="*/ 0 h 5223255"/>
              <a:gd name="connsiteX2" fmla="*/ 10287355 w 10511434"/>
              <a:gd name="connsiteY2" fmla="*/ 3653 h 5223255"/>
              <a:gd name="connsiteX3" fmla="*/ 10511434 w 10511434"/>
              <a:gd name="connsiteY3" fmla="*/ 227694 h 5223255"/>
              <a:gd name="connsiteX4" fmla="*/ 10511434 w 10511434"/>
              <a:gd name="connsiteY4" fmla="*/ 4999214 h 5223255"/>
              <a:gd name="connsiteX5" fmla="*/ 10287355 w 10511434"/>
              <a:gd name="connsiteY5" fmla="*/ 5223255 h 5223255"/>
              <a:gd name="connsiteX6" fmla="*/ 8647340 w 10511434"/>
              <a:gd name="connsiteY6" fmla="*/ 5223255 h 5223255"/>
              <a:gd name="connsiteX7" fmla="*/ 8423260 w 10511434"/>
              <a:gd name="connsiteY7" fmla="*/ 4999214 h 5223255"/>
              <a:gd name="connsiteX8" fmla="*/ 8423260 w 10511434"/>
              <a:gd name="connsiteY8" fmla="*/ 4292262 h 5223255"/>
              <a:gd name="connsiteX9" fmla="*/ 8007038 w 10511434"/>
              <a:gd name="connsiteY9" fmla="*/ 4176974 h 5223255"/>
              <a:gd name="connsiteX10" fmla="*/ 7444469 w 10511434"/>
              <a:gd name="connsiteY10" fmla="*/ 5114449 h 5223255"/>
              <a:gd name="connsiteX11" fmla="*/ 7252326 w 10511434"/>
              <a:gd name="connsiteY11" fmla="*/ 5223202 h 5223255"/>
              <a:gd name="connsiteX12" fmla="*/ 224079 w 10511434"/>
              <a:gd name="connsiteY12" fmla="*/ 5223202 h 5223255"/>
              <a:gd name="connsiteX13" fmla="*/ 0 w 10511434"/>
              <a:gd name="connsiteY13" fmla="*/ 4999161 h 5223255"/>
              <a:gd name="connsiteX14" fmla="*/ 6179 w 10511434"/>
              <a:gd name="connsiteY14" fmla="*/ 3047427 h 5223255"/>
              <a:gd name="connsiteX15" fmla="*/ 31936 w 10511434"/>
              <a:gd name="connsiteY15" fmla="*/ 1690285 h 5223255"/>
              <a:gd name="connsiteX16" fmla="*/ 978792 w 10511434"/>
              <a:gd name="connsiteY16" fmla="*/ 112407 h 5223255"/>
              <a:gd name="connsiteX17" fmla="*/ 1170935 w 10511434"/>
              <a:gd name="connsiteY17" fmla="*/ 3653 h 5223255"/>
              <a:gd name="connsiteX0" fmla="*/ 1170935 w 10511434"/>
              <a:gd name="connsiteY0" fmla="*/ 3653 h 5223255"/>
              <a:gd name="connsiteX1" fmla="*/ 5653193 w 10511434"/>
              <a:gd name="connsiteY1" fmla="*/ 617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6179 w 10511434"/>
              <a:gd name="connsiteY15" fmla="*/ 3047427 h 5223255"/>
              <a:gd name="connsiteX16" fmla="*/ 31936 w 10511434"/>
              <a:gd name="connsiteY16" fmla="*/ 1690285 h 5223255"/>
              <a:gd name="connsiteX17" fmla="*/ 978792 w 10511434"/>
              <a:gd name="connsiteY17" fmla="*/ 112407 h 5223255"/>
              <a:gd name="connsiteX18" fmla="*/ 1170935 w 10511434"/>
              <a:gd name="connsiteY18" fmla="*/ 3653 h 5223255"/>
              <a:gd name="connsiteX0" fmla="*/ 1170935 w 10511434"/>
              <a:gd name="connsiteY0" fmla="*/ 3653 h 5223255"/>
              <a:gd name="connsiteX1" fmla="*/ 5529626 w 10511434"/>
              <a:gd name="connsiteY1" fmla="*/ 149516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6179 w 10511434"/>
              <a:gd name="connsiteY15" fmla="*/ 3047427 h 5223255"/>
              <a:gd name="connsiteX16" fmla="*/ 31936 w 10511434"/>
              <a:gd name="connsiteY16" fmla="*/ 1690285 h 5223255"/>
              <a:gd name="connsiteX17" fmla="*/ 978792 w 10511434"/>
              <a:gd name="connsiteY17" fmla="*/ 112407 h 5223255"/>
              <a:gd name="connsiteX18" fmla="*/ 1170935 w 10511434"/>
              <a:gd name="connsiteY18" fmla="*/ 3653 h 5223255"/>
              <a:gd name="connsiteX0" fmla="*/ 1214184 w 10511434"/>
              <a:gd name="connsiteY0" fmla="*/ 1480285 h 5223255"/>
              <a:gd name="connsiteX1" fmla="*/ 5529626 w 10511434"/>
              <a:gd name="connsiteY1" fmla="*/ 149516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6179 w 10511434"/>
              <a:gd name="connsiteY15" fmla="*/ 3047427 h 5223255"/>
              <a:gd name="connsiteX16" fmla="*/ 31936 w 10511434"/>
              <a:gd name="connsiteY16" fmla="*/ 1690285 h 5223255"/>
              <a:gd name="connsiteX17" fmla="*/ 978792 w 10511434"/>
              <a:gd name="connsiteY17" fmla="*/ 112407 h 5223255"/>
              <a:gd name="connsiteX18" fmla="*/ 1214184 w 10511434"/>
              <a:gd name="connsiteY18" fmla="*/ 1480285 h 5223255"/>
              <a:gd name="connsiteX0" fmla="*/ 1214184 w 10511434"/>
              <a:gd name="connsiteY0" fmla="*/ 1480285 h 5223255"/>
              <a:gd name="connsiteX1" fmla="*/ 5529626 w 10511434"/>
              <a:gd name="connsiteY1" fmla="*/ 149516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6179 w 10511434"/>
              <a:gd name="connsiteY15" fmla="*/ 3047427 h 5223255"/>
              <a:gd name="connsiteX16" fmla="*/ 31936 w 10511434"/>
              <a:gd name="connsiteY16" fmla="*/ 1690285 h 5223255"/>
              <a:gd name="connsiteX17" fmla="*/ 1046754 w 10511434"/>
              <a:gd name="connsiteY17" fmla="*/ 1644645 h 5223255"/>
              <a:gd name="connsiteX18" fmla="*/ 1214184 w 10511434"/>
              <a:gd name="connsiteY18" fmla="*/ 1480285 h 5223255"/>
              <a:gd name="connsiteX0" fmla="*/ 1214184 w 10511434"/>
              <a:gd name="connsiteY0" fmla="*/ 1480285 h 5223255"/>
              <a:gd name="connsiteX1" fmla="*/ 5529626 w 10511434"/>
              <a:gd name="connsiteY1" fmla="*/ 149516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1 w 10511434"/>
              <a:gd name="connsiteY15" fmla="*/ 3745583 h 5223255"/>
              <a:gd name="connsiteX16" fmla="*/ 31936 w 10511434"/>
              <a:gd name="connsiteY16" fmla="*/ 1690285 h 5223255"/>
              <a:gd name="connsiteX17" fmla="*/ 1046754 w 10511434"/>
              <a:gd name="connsiteY17" fmla="*/ 1644645 h 5223255"/>
              <a:gd name="connsiteX18" fmla="*/ 1214184 w 10511434"/>
              <a:gd name="connsiteY18" fmla="*/ 1480285 h 5223255"/>
              <a:gd name="connsiteX0" fmla="*/ 1214184 w 10511434"/>
              <a:gd name="connsiteY0" fmla="*/ 1480285 h 5223255"/>
              <a:gd name="connsiteX1" fmla="*/ 5529626 w 10511434"/>
              <a:gd name="connsiteY1" fmla="*/ 149516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1 w 10511434"/>
              <a:gd name="connsiteY15" fmla="*/ 3745583 h 5223255"/>
              <a:gd name="connsiteX16" fmla="*/ 38115 w 10511434"/>
              <a:gd name="connsiteY16" fmla="*/ 3605582 h 5223255"/>
              <a:gd name="connsiteX17" fmla="*/ 1046754 w 10511434"/>
              <a:gd name="connsiteY17" fmla="*/ 1644645 h 5223255"/>
              <a:gd name="connsiteX18" fmla="*/ 1214184 w 10511434"/>
              <a:gd name="connsiteY18" fmla="*/ 1480285 h 5223255"/>
              <a:gd name="connsiteX0" fmla="*/ 1214184 w 10511434"/>
              <a:gd name="connsiteY0" fmla="*/ 1480285 h 5223255"/>
              <a:gd name="connsiteX1" fmla="*/ 5399880 w 10511434"/>
              <a:gd name="connsiteY1" fmla="*/ 1501348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1 w 10511434"/>
              <a:gd name="connsiteY15" fmla="*/ 3745583 h 5223255"/>
              <a:gd name="connsiteX16" fmla="*/ 38115 w 10511434"/>
              <a:gd name="connsiteY16" fmla="*/ 3605582 h 5223255"/>
              <a:gd name="connsiteX17" fmla="*/ 1046754 w 10511434"/>
              <a:gd name="connsiteY17" fmla="*/ 1644645 h 5223255"/>
              <a:gd name="connsiteX18" fmla="*/ 1214184 w 10511434"/>
              <a:gd name="connsiteY18" fmla="*/ 1480285 h 5223255"/>
              <a:gd name="connsiteX0" fmla="*/ 1214184 w 10511434"/>
              <a:gd name="connsiteY0" fmla="*/ 1480285 h 5223255"/>
              <a:gd name="connsiteX1" fmla="*/ 5399880 w 10511434"/>
              <a:gd name="connsiteY1" fmla="*/ 1501348 h 5223255"/>
              <a:gd name="connsiteX2" fmla="*/ 5653193 w 10511434"/>
              <a:gd name="connsiteY2" fmla="*/ 1161536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399880 w 10511434"/>
              <a:gd name="connsiteY1" fmla="*/ 1501348 h 5223255"/>
              <a:gd name="connsiteX2" fmla="*/ 5603766 w 10511434"/>
              <a:gd name="connsiteY2" fmla="*/ 1402493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399880 w 10511434"/>
              <a:gd name="connsiteY1" fmla="*/ 1501348 h 5223255"/>
              <a:gd name="connsiteX2" fmla="*/ 5603766 w 10511434"/>
              <a:gd name="connsiteY2" fmla="*/ 1402493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399880 w 10511434"/>
              <a:gd name="connsiteY1" fmla="*/ 1501348 h 5223255"/>
              <a:gd name="connsiteX2" fmla="*/ 5603766 w 10511434"/>
              <a:gd name="connsiteY2" fmla="*/ 1402493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03766 w 10511434"/>
              <a:gd name="connsiteY2" fmla="*/ 1402493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84085 w 10511434"/>
              <a:gd name="connsiteY2" fmla="*/ 1340709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84085 w 10511434"/>
              <a:gd name="connsiteY2" fmla="*/ 1340709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84085 w 10511434"/>
              <a:gd name="connsiteY2" fmla="*/ 1340709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51105 w 10511434"/>
              <a:gd name="connsiteY3" fmla="*/ 134574 h 5223255"/>
              <a:gd name="connsiteX4" fmla="*/ 6542880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51105 w 10511434"/>
              <a:gd name="connsiteY3" fmla="*/ 134574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524027 w 10511434"/>
              <a:gd name="connsiteY1" fmla="*/ 1501348 h 5223255"/>
              <a:gd name="connsiteX2" fmla="*/ 5665035 w 10511434"/>
              <a:gd name="connsiteY2" fmla="*/ 1393097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1803 w 10511434"/>
              <a:gd name="connsiteY0" fmla="*/ 1494573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1803 w 10511434"/>
              <a:gd name="connsiteY20" fmla="*/ 1494573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384573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384573 w 10511434"/>
              <a:gd name="connsiteY20" fmla="*/ 1501716 h 5223255"/>
              <a:gd name="connsiteX0" fmla="*/ 1384573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384573 w 10511434"/>
              <a:gd name="connsiteY20" fmla="*/ 1501716 h 5223255"/>
              <a:gd name="connsiteX0" fmla="*/ 1384573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384573 w 10511434"/>
              <a:gd name="connsiteY20" fmla="*/ 1501716 h 5223255"/>
              <a:gd name="connsiteX0" fmla="*/ 1384573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384573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63012 w 10511434"/>
              <a:gd name="connsiteY3" fmla="*/ 65518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63012 w 10511434"/>
              <a:gd name="connsiteY3" fmla="*/ 65518 h 5223255"/>
              <a:gd name="connsiteX4" fmla="*/ 6561930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63012 w 10511434"/>
              <a:gd name="connsiteY3" fmla="*/ 65518 h 5223255"/>
              <a:gd name="connsiteX4" fmla="*/ 6561930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63012 w 10511434"/>
              <a:gd name="connsiteY3" fmla="*/ 65518 h 5223255"/>
              <a:gd name="connsiteX4" fmla="*/ 658812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46343 w 10511434"/>
              <a:gd name="connsiteY3" fmla="*/ 91712 h 5223255"/>
              <a:gd name="connsiteX4" fmla="*/ 658812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34437 w 10511434"/>
              <a:gd name="connsiteY3" fmla="*/ 101237 h 5223255"/>
              <a:gd name="connsiteX4" fmla="*/ 658812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34437 w 10511434"/>
              <a:gd name="connsiteY3" fmla="*/ 101237 h 5223255"/>
              <a:gd name="connsiteX4" fmla="*/ 6604793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36 h 5223275"/>
              <a:gd name="connsiteX1" fmla="*/ 5524027 w 10511434"/>
              <a:gd name="connsiteY1" fmla="*/ 1501368 h 5223275"/>
              <a:gd name="connsiteX2" fmla="*/ 5645985 w 10511434"/>
              <a:gd name="connsiteY2" fmla="*/ 1419311 h 5223275"/>
              <a:gd name="connsiteX3" fmla="*/ 6434437 w 10511434"/>
              <a:gd name="connsiteY3" fmla="*/ 101257 h 5223275"/>
              <a:gd name="connsiteX4" fmla="*/ 6604793 w 10511434"/>
              <a:gd name="connsiteY4" fmla="*/ 20 h 5223275"/>
              <a:gd name="connsiteX5" fmla="*/ 10287355 w 10511434"/>
              <a:gd name="connsiteY5" fmla="*/ 3673 h 5223275"/>
              <a:gd name="connsiteX6" fmla="*/ 10511434 w 10511434"/>
              <a:gd name="connsiteY6" fmla="*/ 227714 h 5223275"/>
              <a:gd name="connsiteX7" fmla="*/ 10511434 w 10511434"/>
              <a:gd name="connsiteY7" fmla="*/ 4999234 h 5223275"/>
              <a:gd name="connsiteX8" fmla="*/ 10287355 w 10511434"/>
              <a:gd name="connsiteY8" fmla="*/ 5223275 h 5223275"/>
              <a:gd name="connsiteX9" fmla="*/ 8647340 w 10511434"/>
              <a:gd name="connsiteY9" fmla="*/ 5223275 h 5223275"/>
              <a:gd name="connsiteX10" fmla="*/ 8423260 w 10511434"/>
              <a:gd name="connsiteY10" fmla="*/ 4999234 h 5223275"/>
              <a:gd name="connsiteX11" fmla="*/ 8423260 w 10511434"/>
              <a:gd name="connsiteY11" fmla="*/ 4292282 h 5223275"/>
              <a:gd name="connsiteX12" fmla="*/ 8007038 w 10511434"/>
              <a:gd name="connsiteY12" fmla="*/ 4176994 h 5223275"/>
              <a:gd name="connsiteX13" fmla="*/ 7444469 w 10511434"/>
              <a:gd name="connsiteY13" fmla="*/ 5114469 h 5223275"/>
              <a:gd name="connsiteX14" fmla="*/ 7252326 w 10511434"/>
              <a:gd name="connsiteY14" fmla="*/ 5223222 h 5223275"/>
              <a:gd name="connsiteX15" fmla="*/ 224079 w 10511434"/>
              <a:gd name="connsiteY15" fmla="*/ 5223222 h 5223275"/>
              <a:gd name="connsiteX16" fmla="*/ 0 w 10511434"/>
              <a:gd name="connsiteY16" fmla="*/ 4999181 h 5223275"/>
              <a:gd name="connsiteX17" fmla="*/ 1 w 10511434"/>
              <a:gd name="connsiteY17" fmla="*/ 3745603 h 5223275"/>
              <a:gd name="connsiteX18" fmla="*/ 38115 w 10511434"/>
              <a:gd name="connsiteY18" fmla="*/ 3605602 h 5223275"/>
              <a:gd name="connsiteX19" fmla="*/ 1252864 w 10511434"/>
              <a:gd name="connsiteY19" fmla="*/ 1594464 h 5223275"/>
              <a:gd name="connsiteX20" fmla="*/ 1402604 w 10511434"/>
              <a:gd name="connsiteY20" fmla="*/ 1501736 h 5223275"/>
              <a:gd name="connsiteX0" fmla="*/ 1402604 w 10511434"/>
              <a:gd name="connsiteY0" fmla="*/ 1501747 h 5223286"/>
              <a:gd name="connsiteX1" fmla="*/ 5524027 w 10511434"/>
              <a:gd name="connsiteY1" fmla="*/ 1501379 h 5223286"/>
              <a:gd name="connsiteX2" fmla="*/ 5645985 w 10511434"/>
              <a:gd name="connsiteY2" fmla="*/ 1419322 h 5223286"/>
              <a:gd name="connsiteX3" fmla="*/ 6434437 w 10511434"/>
              <a:gd name="connsiteY3" fmla="*/ 101268 h 5223286"/>
              <a:gd name="connsiteX4" fmla="*/ 6604793 w 10511434"/>
              <a:gd name="connsiteY4" fmla="*/ 31 h 5223286"/>
              <a:gd name="connsiteX5" fmla="*/ 10287355 w 10511434"/>
              <a:gd name="connsiteY5" fmla="*/ 3684 h 5223286"/>
              <a:gd name="connsiteX6" fmla="*/ 10511434 w 10511434"/>
              <a:gd name="connsiteY6" fmla="*/ 227725 h 5223286"/>
              <a:gd name="connsiteX7" fmla="*/ 10511434 w 10511434"/>
              <a:gd name="connsiteY7" fmla="*/ 4999245 h 5223286"/>
              <a:gd name="connsiteX8" fmla="*/ 10287355 w 10511434"/>
              <a:gd name="connsiteY8" fmla="*/ 5223286 h 5223286"/>
              <a:gd name="connsiteX9" fmla="*/ 8647340 w 10511434"/>
              <a:gd name="connsiteY9" fmla="*/ 5223286 h 5223286"/>
              <a:gd name="connsiteX10" fmla="*/ 8423260 w 10511434"/>
              <a:gd name="connsiteY10" fmla="*/ 4999245 h 5223286"/>
              <a:gd name="connsiteX11" fmla="*/ 8423260 w 10511434"/>
              <a:gd name="connsiteY11" fmla="*/ 4292293 h 5223286"/>
              <a:gd name="connsiteX12" fmla="*/ 8007038 w 10511434"/>
              <a:gd name="connsiteY12" fmla="*/ 4177005 h 5223286"/>
              <a:gd name="connsiteX13" fmla="*/ 7444469 w 10511434"/>
              <a:gd name="connsiteY13" fmla="*/ 5114480 h 5223286"/>
              <a:gd name="connsiteX14" fmla="*/ 7252326 w 10511434"/>
              <a:gd name="connsiteY14" fmla="*/ 5223233 h 5223286"/>
              <a:gd name="connsiteX15" fmla="*/ 224079 w 10511434"/>
              <a:gd name="connsiteY15" fmla="*/ 5223233 h 5223286"/>
              <a:gd name="connsiteX16" fmla="*/ 0 w 10511434"/>
              <a:gd name="connsiteY16" fmla="*/ 4999192 h 5223286"/>
              <a:gd name="connsiteX17" fmla="*/ 1 w 10511434"/>
              <a:gd name="connsiteY17" fmla="*/ 3745614 h 5223286"/>
              <a:gd name="connsiteX18" fmla="*/ 38115 w 10511434"/>
              <a:gd name="connsiteY18" fmla="*/ 3605613 h 5223286"/>
              <a:gd name="connsiteX19" fmla="*/ 1252864 w 10511434"/>
              <a:gd name="connsiteY19" fmla="*/ 1594475 h 5223286"/>
              <a:gd name="connsiteX20" fmla="*/ 1402604 w 10511434"/>
              <a:gd name="connsiteY20" fmla="*/ 1501747 h 5223286"/>
              <a:gd name="connsiteX0" fmla="*/ 1402604 w 10511434"/>
              <a:gd name="connsiteY0" fmla="*/ 1501747 h 5223286"/>
              <a:gd name="connsiteX1" fmla="*/ 5524027 w 10511434"/>
              <a:gd name="connsiteY1" fmla="*/ 1501379 h 5223286"/>
              <a:gd name="connsiteX2" fmla="*/ 5645985 w 10511434"/>
              <a:gd name="connsiteY2" fmla="*/ 1419322 h 5223286"/>
              <a:gd name="connsiteX3" fmla="*/ 6434437 w 10511434"/>
              <a:gd name="connsiteY3" fmla="*/ 101268 h 5223286"/>
              <a:gd name="connsiteX4" fmla="*/ 6604793 w 10511434"/>
              <a:gd name="connsiteY4" fmla="*/ 31 h 5223286"/>
              <a:gd name="connsiteX5" fmla="*/ 10287355 w 10511434"/>
              <a:gd name="connsiteY5" fmla="*/ 3684 h 5223286"/>
              <a:gd name="connsiteX6" fmla="*/ 10511434 w 10511434"/>
              <a:gd name="connsiteY6" fmla="*/ 227725 h 5223286"/>
              <a:gd name="connsiteX7" fmla="*/ 10511434 w 10511434"/>
              <a:gd name="connsiteY7" fmla="*/ 4999245 h 5223286"/>
              <a:gd name="connsiteX8" fmla="*/ 10287355 w 10511434"/>
              <a:gd name="connsiteY8" fmla="*/ 5223286 h 5223286"/>
              <a:gd name="connsiteX9" fmla="*/ 8647340 w 10511434"/>
              <a:gd name="connsiteY9" fmla="*/ 5223286 h 5223286"/>
              <a:gd name="connsiteX10" fmla="*/ 8423260 w 10511434"/>
              <a:gd name="connsiteY10" fmla="*/ 4999245 h 5223286"/>
              <a:gd name="connsiteX11" fmla="*/ 8423260 w 10511434"/>
              <a:gd name="connsiteY11" fmla="*/ 4292293 h 5223286"/>
              <a:gd name="connsiteX12" fmla="*/ 8007038 w 10511434"/>
              <a:gd name="connsiteY12" fmla="*/ 4177005 h 5223286"/>
              <a:gd name="connsiteX13" fmla="*/ 7444469 w 10511434"/>
              <a:gd name="connsiteY13" fmla="*/ 5114480 h 5223286"/>
              <a:gd name="connsiteX14" fmla="*/ 7252326 w 10511434"/>
              <a:gd name="connsiteY14" fmla="*/ 5223233 h 5223286"/>
              <a:gd name="connsiteX15" fmla="*/ 224079 w 10511434"/>
              <a:gd name="connsiteY15" fmla="*/ 5223233 h 5223286"/>
              <a:gd name="connsiteX16" fmla="*/ 0 w 10511434"/>
              <a:gd name="connsiteY16" fmla="*/ 4999192 h 5223286"/>
              <a:gd name="connsiteX17" fmla="*/ 1 w 10511434"/>
              <a:gd name="connsiteY17" fmla="*/ 3745614 h 5223286"/>
              <a:gd name="connsiteX18" fmla="*/ 38115 w 10511434"/>
              <a:gd name="connsiteY18" fmla="*/ 3605613 h 5223286"/>
              <a:gd name="connsiteX19" fmla="*/ 1252864 w 10511434"/>
              <a:gd name="connsiteY19" fmla="*/ 1594475 h 5223286"/>
              <a:gd name="connsiteX20" fmla="*/ 1402604 w 10511434"/>
              <a:gd name="connsiteY20" fmla="*/ 1501747 h 5223286"/>
              <a:gd name="connsiteX0" fmla="*/ 1419201 w 10528031"/>
              <a:gd name="connsiteY0" fmla="*/ 1501747 h 5223534"/>
              <a:gd name="connsiteX1" fmla="*/ 5540624 w 10528031"/>
              <a:gd name="connsiteY1" fmla="*/ 1501379 h 5223534"/>
              <a:gd name="connsiteX2" fmla="*/ 5662582 w 10528031"/>
              <a:gd name="connsiteY2" fmla="*/ 1419322 h 5223534"/>
              <a:gd name="connsiteX3" fmla="*/ 6451034 w 10528031"/>
              <a:gd name="connsiteY3" fmla="*/ 101268 h 5223534"/>
              <a:gd name="connsiteX4" fmla="*/ 6621390 w 10528031"/>
              <a:gd name="connsiteY4" fmla="*/ 31 h 5223534"/>
              <a:gd name="connsiteX5" fmla="*/ 10303952 w 10528031"/>
              <a:gd name="connsiteY5" fmla="*/ 3684 h 5223534"/>
              <a:gd name="connsiteX6" fmla="*/ 10528031 w 10528031"/>
              <a:gd name="connsiteY6" fmla="*/ 227725 h 5223534"/>
              <a:gd name="connsiteX7" fmla="*/ 10528031 w 10528031"/>
              <a:gd name="connsiteY7" fmla="*/ 4999245 h 5223534"/>
              <a:gd name="connsiteX8" fmla="*/ 10303952 w 10528031"/>
              <a:gd name="connsiteY8" fmla="*/ 5223286 h 5223534"/>
              <a:gd name="connsiteX9" fmla="*/ 8663937 w 10528031"/>
              <a:gd name="connsiteY9" fmla="*/ 5223286 h 5223534"/>
              <a:gd name="connsiteX10" fmla="*/ 8439857 w 10528031"/>
              <a:gd name="connsiteY10" fmla="*/ 4999245 h 5223534"/>
              <a:gd name="connsiteX11" fmla="*/ 8439857 w 10528031"/>
              <a:gd name="connsiteY11" fmla="*/ 4292293 h 5223534"/>
              <a:gd name="connsiteX12" fmla="*/ 8023635 w 10528031"/>
              <a:gd name="connsiteY12" fmla="*/ 4177005 h 5223534"/>
              <a:gd name="connsiteX13" fmla="*/ 7461066 w 10528031"/>
              <a:gd name="connsiteY13" fmla="*/ 5114480 h 5223534"/>
              <a:gd name="connsiteX14" fmla="*/ 7268923 w 10528031"/>
              <a:gd name="connsiteY14" fmla="*/ 5223233 h 5223534"/>
              <a:gd name="connsiteX15" fmla="*/ 240676 w 10528031"/>
              <a:gd name="connsiteY15" fmla="*/ 5223233 h 5223534"/>
              <a:gd name="connsiteX16" fmla="*/ 16597 w 10528031"/>
              <a:gd name="connsiteY16" fmla="*/ 4999192 h 5223534"/>
              <a:gd name="connsiteX17" fmla="*/ 16598 w 10528031"/>
              <a:gd name="connsiteY17" fmla="*/ 3771014 h 5223534"/>
              <a:gd name="connsiteX18" fmla="*/ 54712 w 10528031"/>
              <a:gd name="connsiteY18" fmla="*/ 3605613 h 5223534"/>
              <a:gd name="connsiteX19" fmla="*/ 1269461 w 10528031"/>
              <a:gd name="connsiteY19" fmla="*/ 1594475 h 5223534"/>
              <a:gd name="connsiteX20" fmla="*/ 1419201 w 10528031"/>
              <a:gd name="connsiteY20" fmla="*/ 1501747 h 5223534"/>
              <a:gd name="connsiteX0" fmla="*/ 1419201 w 10528031"/>
              <a:gd name="connsiteY0" fmla="*/ 1501747 h 5223534"/>
              <a:gd name="connsiteX1" fmla="*/ 5540624 w 10528031"/>
              <a:gd name="connsiteY1" fmla="*/ 1501379 h 5223534"/>
              <a:gd name="connsiteX2" fmla="*/ 5662582 w 10528031"/>
              <a:gd name="connsiteY2" fmla="*/ 1419322 h 5223534"/>
              <a:gd name="connsiteX3" fmla="*/ 6451034 w 10528031"/>
              <a:gd name="connsiteY3" fmla="*/ 101268 h 5223534"/>
              <a:gd name="connsiteX4" fmla="*/ 6621390 w 10528031"/>
              <a:gd name="connsiteY4" fmla="*/ 31 h 5223534"/>
              <a:gd name="connsiteX5" fmla="*/ 10303952 w 10528031"/>
              <a:gd name="connsiteY5" fmla="*/ 3684 h 5223534"/>
              <a:gd name="connsiteX6" fmla="*/ 10528031 w 10528031"/>
              <a:gd name="connsiteY6" fmla="*/ 227725 h 5223534"/>
              <a:gd name="connsiteX7" fmla="*/ 10528031 w 10528031"/>
              <a:gd name="connsiteY7" fmla="*/ 4999245 h 5223534"/>
              <a:gd name="connsiteX8" fmla="*/ 10303952 w 10528031"/>
              <a:gd name="connsiteY8" fmla="*/ 5223286 h 5223534"/>
              <a:gd name="connsiteX9" fmla="*/ 8663937 w 10528031"/>
              <a:gd name="connsiteY9" fmla="*/ 5223286 h 5223534"/>
              <a:gd name="connsiteX10" fmla="*/ 8439857 w 10528031"/>
              <a:gd name="connsiteY10" fmla="*/ 4999245 h 5223534"/>
              <a:gd name="connsiteX11" fmla="*/ 8439857 w 10528031"/>
              <a:gd name="connsiteY11" fmla="*/ 4292293 h 5223534"/>
              <a:gd name="connsiteX12" fmla="*/ 8023635 w 10528031"/>
              <a:gd name="connsiteY12" fmla="*/ 4177005 h 5223534"/>
              <a:gd name="connsiteX13" fmla="*/ 7461066 w 10528031"/>
              <a:gd name="connsiteY13" fmla="*/ 5114480 h 5223534"/>
              <a:gd name="connsiteX14" fmla="*/ 7268923 w 10528031"/>
              <a:gd name="connsiteY14" fmla="*/ 5223233 h 5223534"/>
              <a:gd name="connsiteX15" fmla="*/ 240676 w 10528031"/>
              <a:gd name="connsiteY15" fmla="*/ 5223233 h 5223534"/>
              <a:gd name="connsiteX16" fmla="*/ 16597 w 10528031"/>
              <a:gd name="connsiteY16" fmla="*/ 4999192 h 5223534"/>
              <a:gd name="connsiteX17" fmla="*/ 16598 w 10528031"/>
              <a:gd name="connsiteY17" fmla="*/ 3771014 h 5223534"/>
              <a:gd name="connsiteX18" fmla="*/ 54712 w 10528031"/>
              <a:gd name="connsiteY18" fmla="*/ 3605613 h 5223534"/>
              <a:gd name="connsiteX19" fmla="*/ 1269461 w 10528031"/>
              <a:gd name="connsiteY19" fmla="*/ 1594475 h 5223534"/>
              <a:gd name="connsiteX20" fmla="*/ 1419201 w 10528031"/>
              <a:gd name="connsiteY20" fmla="*/ 1501747 h 5223534"/>
              <a:gd name="connsiteX0" fmla="*/ 1404151 w 10512981"/>
              <a:gd name="connsiteY0" fmla="*/ 1501747 h 5223674"/>
              <a:gd name="connsiteX1" fmla="*/ 5525574 w 10512981"/>
              <a:gd name="connsiteY1" fmla="*/ 1501379 h 5223674"/>
              <a:gd name="connsiteX2" fmla="*/ 5647532 w 10512981"/>
              <a:gd name="connsiteY2" fmla="*/ 1419322 h 5223674"/>
              <a:gd name="connsiteX3" fmla="*/ 6435984 w 10512981"/>
              <a:gd name="connsiteY3" fmla="*/ 101268 h 5223674"/>
              <a:gd name="connsiteX4" fmla="*/ 6606340 w 10512981"/>
              <a:gd name="connsiteY4" fmla="*/ 31 h 5223674"/>
              <a:gd name="connsiteX5" fmla="*/ 10288902 w 10512981"/>
              <a:gd name="connsiteY5" fmla="*/ 3684 h 5223674"/>
              <a:gd name="connsiteX6" fmla="*/ 10512981 w 10512981"/>
              <a:gd name="connsiteY6" fmla="*/ 227725 h 5223674"/>
              <a:gd name="connsiteX7" fmla="*/ 10512981 w 10512981"/>
              <a:gd name="connsiteY7" fmla="*/ 4999245 h 5223674"/>
              <a:gd name="connsiteX8" fmla="*/ 10288902 w 10512981"/>
              <a:gd name="connsiteY8" fmla="*/ 5223286 h 5223674"/>
              <a:gd name="connsiteX9" fmla="*/ 8648887 w 10512981"/>
              <a:gd name="connsiteY9" fmla="*/ 5223286 h 5223674"/>
              <a:gd name="connsiteX10" fmla="*/ 8424807 w 10512981"/>
              <a:gd name="connsiteY10" fmla="*/ 4999245 h 5223674"/>
              <a:gd name="connsiteX11" fmla="*/ 8424807 w 10512981"/>
              <a:gd name="connsiteY11" fmla="*/ 4292293 h 5223674"/>
              <a:gd name="connsiteX12" fmla="*/ 8008585 w 10512981"/>
              <a:gd name="connsiteY12" fmla="*/ 4177005 h 5223674"/>
              <a:gd name="connsiteX13" fmla="*/ 7446016 w 10512981"/>
              <a:gd name="connsiteY13" fmla="*/ 5114480 h 5223674"/>
              <a:gd name="connsiteX14" fmla="*/ 7253873 w 10512981"/>
              <a:gd name="connsiteY14" fmla="*/ 5223233 h 5223674"/>
              <a:gd name="connsiteX15" fmla="*/ 225626 w 10512981"/>
              <a:gd name="connsiteY15" fmla="*/ 5223233 h 5223674"/>
              <a:gd name="connsiteX16" fmla="*/ 1547 w 10512981"/>
              <a:gd name="connsiteY16" fmla="*/ 4999192 h 5223674"/>
              <a:gd name="connsiteX17" fmla="*/ 1548 w 10512981"/>
              <a:gd name="connsiteY17" fmla="*/ 3771014 h 5223674"/>
              <a:gd name="connsiteX18" fmla="*/ 39662 w 10512981"/>
              <a:gd name="connsiteY18" fmla="*/ 3605613 h 5223674"/>
              <a:gd name="connsiteX19" fmla="*/ 1254411 w 10512981"/>
              <a:gd name="connsiteY19" fmla="*/ 1594475 h 5223674"/>
              <a:gd name="connsiteX20" fmla="*/ 1404151 w 10512981"/>
              <a:gd name="connsiteY20" fmla="*/ 1501747 h 5223674"/>
              <a:gd name="connsiteX0" fmla="*/ 1403076 w 10511906"/>
              <a:gd name="connsiteY0" fmla="*/ 1501747 h 5223674"/>
              <a:gd name="connsiteX1" fmla="*/ 5524499 w 10511906"/>
              <a:gd name="connsiteY1" fmla="*/ 1501379 h 5223674"/>
              <a:gd name="connsiteX2" fmla="*/ 5646457 w 10511906"/>
              <a:gd name="connsiteY2" fmla="*/ 1419322 h 5223674"/>
              <a:gd name="connsiteX3" fmla="*/ 6434909 w 10511906"/>
              <a:gd name="connsiteY3" fmla="*/ 101268 h 5223674"/>
              <a:gd name="connsiteX4" fmla="*/ 6605265 w 10511906"/>
              <a:gd name="connsiteY4" fmla="*/ 31 h 5223674"/>
              <a:gd name="connsiteX5" fmla="*/ 10287827 w 10511906"/>
              <a:gd name="connsiteY5" fmla="*/ 3684 h 5223674"/>
              <a:gd name="connsiteX6" fmla="*/ 10511906 w 10511906"/>
              <a:gd name="connsiteY6" fmla="*/ 227725 h 5223674"/>
              <a:gd name="connsiteX7" fmla="*/ 10511906 w 10511906"/>
              <a:gd name="connsiteY7" fmla="*/ 4999245 h 5223674"/>
              <a:gd name="connsiteX8" fmla="*/ 10287827 w 10511906"/>
              <a:gd name="connsiteY8" fmla="*/ 5223286 h 5223674"/>
              <a:gd name="connsiteX9" fmla="*/ 8647812 w 10511906"/>
              <a:gd name="connsiteY9" fmla="*/ 5223286 h 5223674"/>
              <a:gd name="connsiteX10" fmla="*/ 8423732 w 10511906"/>
              <a:gd name="connsiteY10" fmla="*/ 4999245 h 5223674"/>
              <a:gd name="connsiteX11" fmla="*/ 8423732 w 10511906"/>
              <a:gd name="connsiteY11" fmla="*/ 4292293 h 5223674"/>
              <a:gd name="connsiteX12" fmla="*/ 8007510 w 10511906"/>
              <a:gd name="connsiteY12" fmla="*/ 4177005 h 5223674"/>
              <a:gd name="connsiteX13" fmla="*/ 7444941 w 10511906"/>
              <a:gd name="connsiteY13" fmla="*/ 5114480 h 5223674"/>
              <a:gd name="connsiteX14" fmla="*/ 7252798 w 10511906"/>
              <a:gd name="connsiteY14" fmla="*/ 5223233 h 5223674"/>
              <a:gd name="connsiteX15" fmla="*/ 224551 w 10511906"/>
              <a:gd name="connsiteY15" fmla="*/ 5223233 h 5223674"/>
              <a:gd name="connsiteX16" fmla="*/ 472 w 10511906"/>
              <a:gd name="connsiteY16" fmla="*/ 4999192 h 5223674"/>
              <a:gd name="connsiteX17" fmla="*/ 473 w 10511906"/>
              <a:gd name="connsiteY17" fmla="*/ 3771014 h 5223674"/>
              <a:gd name="connsiteX18" fmla="*/ 38587 w 10511906"/>
              <a:gd name="connsiteY18" fmla="*/ 3605613 h 5223674"/>
              <a:gd name="connsiteX19" fmla="*/ 1253336 w 10511906"/>
              <a:gd name="connsiteY19" fmla="*/ 1594475 h 5223674"/>
              <a:gd name="connsiteX20" fmla="*/ 1403076 w 10511906"/>
              <a:gd name="connsiteY20" fmla="*/ 1501747 h 5223674"/>
              <a:gd name="connsiteX0" fmla="*/ 1403409 w 10512239"/>
              <a:gd name="connsiteY0" fmla="*/ 1501747 h 5223286"/>
              <a:gd name="connsiteX1" fmla="*/ 5524832 w 10512239"/>
              <a:gd name="connsiteY1" fmla="*/ 1501379 h 5223286"/>
              <a:gd name="connsiteX2" fmla="*/ 5646790 w 10512239"/>
              <a:gd name="connsiteY2" fmla="*/ 1419322 h 5223286"/>
              <a:gd name="connsiteX3" fmla="*/ 6435242 w 10512239"/>
              <a:gd name="connsiteY3" fmla="*/ 101268 h 5223286"/>
              <a:gd name="connsiteX4" fmla="*/ 6605598 w 10512239"/>
              <a:gd name="connsiteY4" fmla="*/ 31 h 5223286"/>
              <a:gd name="connsiteX5" fmla="*/ 10288160 w 10512239"/>
              <a:gd name="connsiteY5" fmla="*/ 3684 h 5223286"/>
              <a:gd name="connsiteX6" fmla="*/ 10512239 w 10512239"/>
              <a:gd name="connsiteY6" fmla="*/ 227725 h 5223286"/>
              <a:gd name="connsiteX7" fmla="*/ 10512239 w 10512239"/>
              <a:gd name="connsiteY7" fmla="*/ 4999245 h 5223286"/>
              <a:gd name="connsiteX8" fmla="*/ 10288160 w 10512239"/>
              <a:gd name="connsiteY8" fmla="*/ 5223286 h 5223286"/>
              <a:gd name="connsiteX9" fmla="*/ 8648145 w 10512239"/>
              <a:gd name="connsiteY9" fmla="*/ 5223286 h 5223286"/>
              <a:gd name="connsiteX10" fmla="*/ 8424065 w 10512239"/>
              <a:gd name="connsiteY10" fmla="*/ 4999245 h 5223286"/>
              <a:gd name="connsiteX11" fmla="*/ 8424065 w 10512239"/>
              <a:gd name="connsiteY11" fmla="*/ 4292293 h 5223286"/>
              <a:gd name="connsiteX12" fmla="*/ 8007843 w 10512239"/>
              <a:gd name="connsiteY12" fmla="*/ 4177005 h 5223286"/>
              <a:gd name="connsiteX13" fmla="*/ 7445274 w 10512239"/>
              <a:gd name="connsiteY13" fmla="*/ 5114480 h 5223286"/>
              <a:gd name="connsiteX14" fmla="*/ 7253131 w 10512239"/>
              <a:gd name="connsiteY14" fmla="*/ 5223233 h 5223286"/>
              <a:gd name="connsiteX15" fmla="*/ 224884 w 10512239"/>
              <a:gd name="connsiteY15" fmla="*/ 5223233 h 5223286"/>
              <a:gd name="connsiteX16" fmla="*/ 805 w 10512239"/>
              <a:gd name="connsiteY16" fmla="*/ 4999192 h 5223286"/>
              <a:gd name="connsiteX17" fmla="*/ 806 w 10512239"/>
              <a:gd name="connsiteY17" fmla="*/ 3771014 h 5223286"/>
              <a:gd name="connsiteX18" fmla="*/ 38920 w 10512239"/>
              <a:gd name="connsiteY18" fmla="*/ 3605613 h 5223286"/>
              <a:gd name="connsiteX19" fmla="*/ 1253669 w 10512239"/>
              <a:gd name="connsiteY19" fmla="*/ 1594475 h 5223286"/>
              <a:gd name="connsiteX20" fmla="*/ 1403409 w 10512239"/>
              <a:gd name="connsiteY20" fmla="*/ 1501747 h 5223286"/>
              <a:gd name="connsiteX0" fmla="*/ 1403614 w 10512444"/>
              <a:gd name="connsiteY0" fmla="*/ 1501747 h 5223286"/>
              <a:gd name="connsiteX1" fmla="*/ 5525037 w 10512444"/>
              <a:gd name="connsiteY1" fmla="*/ 1501379 h 5223286"/>
              <a:gd name="connsiteX2" fmla="*/ 5646995 w 10512444"/>
              <a:gd name="connsiteY2" fmla="*/ 1419322 h 5223286"/>
              <a:gd name="connsiteX3" fmla="*/ 6435447 w 10512444"/>
              <a:gd name="connsiteY3" fmla="*/ 101268 h 5223286"/>
              <a:gd name="connsiteX4" fmla="*/ 6605803 w 10512444"/>
              <a:gd name="connsiteY4" fmla="*/ 31 h 5223286"/>
              <a:gd name="connsiteX5" fmla="*/ 10288365 w 10512444"/>
              <a:gd name="connsiteY5" fmla="*/ 3684 h 5223286"/>
              <a:gd name="connsiteX6" fmla="*/ 10512444 w 10512444"/>
              <a:gd name="connsiteY6" fmla="*/ 227725 h 5223286"/>
              <a:gd name="connsiteX7" fmla="*/ 10512444 w 10512444"/>
              <a:gd name="connsiteY7" fmla="*/ 4999245 h 5223286"/>
              <a:gd name="connsiteX8" fmla="*/ 10288365 w 10512444"/>
              <a:gd name="connsiteY8" fmla="*/ 5223286 h 5223286"/>
              <a:gd name="connsiteX9" fmla="*/ 8648350 w 10512444"/>
              <a:gd name="connsiteY9" fmla="*/ 5223286 h 5223286"/>
              <a:gd name="connsiteX10" fmla="*/ 8424270 w 10512444"/>
              <a:gd name="connsiteY10" fmla="*/ 4999245 h 5223286"/>
              <a:gd name="connsiteX11" fmla="*/ 8424270 w 10512444"/>
              <a:gd name="connsiteY11" fmla="*/ 4292293 h 5223286"/>
              <a:gd name="connsiteX12" fmla="*/ 8008048 w 10512444"/>
              <a:gd name="connsiteY12" fmla="*/ 4177005 h 5223286"/>
              <a:gd name="connsiteX13" fmla="*/ 7445479 w 10512444"/>
              <a:gd name="connsiteY13" fmla="*/ 5114480 h 5223286"/>
              <a:gd name="connsiteX14" fmla="*/ 7253336 w 10512444"/>
              <a:gd name="connsiteY14" fmla="*/ 5223233 h 5223286"/>
              <a:gd name="connsiteX15" fmla="*/ 225089 w 10512444"/>
              <a:gd name="connsiteY15" fmla="*/ 5223233 h 5223286"/>
              <a:gd name="connsiteX16" fmla="*/ 1010 w 10512444"/>
              <a:gd name="connsiteY16" fmla="*/ 4999192 h 5223286"/>
              <a:gd name="connsiteX17" fmla="*/ 1011 w 10512444"/>
              <a:gd name="connsiteY17" fmla="*/ 3771014 h 5223286"/>
              <a:gd name="connsiteX18" fmla="*/ 39125 w 10512444"/>
              <a:gd name="connsiteY18" fmla="*/ 3605613 h 5223286"/>
              <a:gd name="connsiteX19" fmla="*/ 1253874 w 10512444"/>
              <a:gd name="connsiteY19" fmla="*/ 1594475 h 5223286"/>
              <a:gd name="connsiteX20" fmla="*/ 1403614 w 10512444"/>
              <a:gd name="connsiteY20" fmla="*/ 1501747 h 5223286"/>
              <a:gd name="connsiteX0" fmla="*/ 1402733 w 10511563"/>
              <a:gd name="connsiteY0" fmla="*/ 1501747 h 5223286"/>
              <a:gd name="connsiteX1" fmla="*/ 5524156 w 10511563"/>
              <a:gd name="connsiteY1" fmla="*/ 1501379 h 5223286"/>
              <a:gd name="connsiteX2" fmla="*/ 5646114 w 10511563"/>
              <a:gd name="connsiteY2" fmla="*/ 1419322 h 5223286"/>
              <a:gd name="connsiteX3" fmla="*/ 6434566 w 10511563"/>
              <a:gd name="connsiteY3" fmla="*/ 101268 h 5223286"/>
              <a:gd name="connsiteX4" fmla="*/ 6604922 w 10511563"/>
              <a:gd name="connsiteY4" fmla="*/ 31 h 5223286"/>
              <a:gd name="connsiteX5" fmla="*/ 10287484 w 10511563"/>
              <a:gd name="connsiteY5" fmla="*/ 3684 h 5223286"/>
              <a:gd name="connsiteX6" fmla="*/ 10511563 w 10511563"/>
              <a:gd name="connsiteY6" fmla="*/ 227725 h 5223286"/>
              <a:gd name="connsiteX7" fmla="*/ 10511563 w 10511563"/>
              <a:gd name="connsiteY7" fmla="*/ 4999245 h 5223286"/>
              <a:gd name="connsiteX8" fmla="*/ 10287484 w 10511563"/>
              <a:gd name="connsiteY8" fmla="*/ 5223286 h 5223286"/>
              <a:gd name="connsiteX9" fmla="*/ 8647469 w 10511563"/>
              <a:gd name="connsiteY9" fmla="*/ 5223286 h 5223286"/>
              <a:gd name="connsiteX10" fmla="*/ 8423389 w 10511563"/>
              <a:gd name="connsiteY10" fmla="*/ 4999245 h 5223286"/>
              <a:gd name="connsiteX11" fmla="*/ 8423389 w 10511563"/>
              <a:gd name="connsiteY11" fmla="*/ 4292293 h 5223286"/>
              <a:gd name="connsiteX12" fmla="*/ 8007167 w 10511563"/>
              <a:gd name="connsiteY12" fmla="*/ 4177005 h 5223286"/>
              <a:gd name="connsiteX13" fmla="*/ 7444598 w 10511563"/>
              <a:gd name="connsiteY13" fmla="*/ 5114480 h 5223286"/>
              <a:gd name="connsiteX14" fmla="*/ 7252455 w 10511563"/>
              <a:gd name="connsiteY14" fmla="*/ 5223233 h 5223286"/>
              <a:gd name="connsiteX15" fmla="*/ 224208 w 10511563"/>
              <a:gd name="connsiteY15" fmla="*/ 5223233 h 5223286"/>
              <a:gd name="connsiteX16" fmla="*/ 129 w 10511563"/>
              <a:gd name="connsiteY16" fmla="*/ 4999192 h 5223286"/>
              <a:gd name="connsiteX17" fmla="*/ 130 w 10511563"/>
              <a:gd name="connsiteY17" fmla="*/ 3771014 h 5223286"/>
              <a:gd name="connsiteX18" fmla="*/ 38244 w 10511563"/>
              <a:gd name="connsiteY18" fmla="*/ 3605613 h 5223286"/>
              <a:gd name="connsiteX19" fmla="*/ 1252993 w 10511563"/>
              <a:gd name="connsiteY19" fmla="*/ 1594475 h 5223286"/>
              <a:gd name="connsiteX20" fmla="*/ 1402733 w 10511563"/>
              <a:gd name="connsiteY20" fmla="*/ 1501747 h 5223286"/>
              <a:gd name="connsiteX0" fmla="*/ 1402628 w 10511458"/>
              <a:gd name="connsiteY0" fmla="*/ 1501747 h 5223286"/>
              <a:gd name="connsiteX1" fmla="*/ 5524051 w 10511458"/>
              <a:gd name="connsiteY1" fmla="*/ 1501379 h 5223286"/>
              <a:gd name="connsiteX2" fmla="*/ 5646009 w 10511458"/>
              <a:gd name="connsiteY2" fmla="*/ 1419322 h 5223286"/>
              <a:gd name="connsiteX3" fmla="*/ 6434461 w 10511458"/>
              <a:gd name="connsiteY3" fmla="*/ 101268 h 5223286"/>
              <a:gd name="connsiteX4" fmla="*/ 6604817 w 10511458"/>
              <a:gd name="connsiteY4" fmla="*/ 31 h 5223286"/>
              <a:gd name="connsiteX5" fmla="*/ 10287379 w 10511458"/>
              <a:gd name="connsiteY5" fmla="*/ 3684 h 5223286"/>
              <a:gd name="connsiteX6" fmla="*/ 10511458 w 10511458"/>
              <a:gd name="connsiteY6" fmla="*/ 227725 h 5223286"/>
              <a:gd name="connsiteX7" fmla="*/ 10511458 w 10511458"/>
              <a:gd name="connsiteY7" fmla="*/ 4999245 h 5223286"/>
              <a:gd name="connsiteX8" fmla="*/ 10287379 w 10511458"/>
              <a:gd name="connsiteY8" fmla="*/ 5223286 h 5223286"/>
              <a:gd name="connsiteX9" fmla="*/ 8647364 w 10511458"/>
              <a:gd name="connsiteY9" fmla="*/ 5223286 h 5223286"/>
              <a:gd name="connsiteX10" fmla="*/ 8423284 w 10511458"/>
              <a:gd name="connsiteY10" fmla="*/ 4999245 h 5223286"/>
              <a:gd name="connsiteX11" fmla="*/ 8423284 w 10511458"/>
              <a:gd name="connsiteY11" fmla="*/ 4292293 h 5223286"/>
              <a:gd name="connsiteX12" fmla="*/ 8007062 w 10511458"/>
              <a:gd name="connsiteY12" fmla="*/ 4177005 h 5223286"/>
              <a:gd name="connsiteX13" fmla="*/ 7444493 w 10511458"/>
              <a:gd name="connsiteY13" fmla="*/ 5114480 h 5223286"/>
              <a:gd name="connsiteX14" fmla="*/ 7252350 w 10511458"/>
              <a:gd name="connsiteY14" fmla="*/ 5223233 h 5223286"/>
              <a:gd name="connsiteX15" fmla="*/ 224103 w 10511458"/>
              <a:gd name="connsiteY15" fmla="*/ 5223233 h 5223286"/>
              <a:gd name="connsiteX16" fmla="*/ 24 w 10511458"/>
              <a:gd name="connsiteY16" fmla="*/ 4999192 h 5223286"/>
              <a:gd name="connsiteX17" fmla="*/ 25 w 10511458"/>
              <a:gd name="connsiteY17" fmla="*/ 3771014 h 5223286"/>
              <a:gd name="connsiteX18" fmla="*/ 38139 w 10511458"/>
              <a:gd name="connsiteY18" fmla="*/ 3605613 h 5223286"/>
              <a:gd name="connsiteX19" fmla="*/ 1252888 w 10511458"/>
              <a:gd name="connsiteY19" fmla="*/ 1594475 h 5223286"/>
              <a:gd name="connsiteX20" fmla="*/ 1402628 w 10511458"/>
              <a:gd name="connsiteY20" fmla="*/ 1501747 h 5223286"/>
              <a:gd name="connsiteX0" fmla="*/ 1402611 w 10511441"/>
              <a:gd name="connsiteY0" fmla="*/ 1501747 h 5223286"/>
              <a:gd name="connsiteX1" fmla="*/ 5524034 w 10511441"/>
              <a:gd name="connsiteY1" fmla="*/ 1501379 h 5223286"/>
              <a:gd name="connsiteX2" fmla="*/ 5645992 w 10511441"/>
              <a:gd name="connsiteY2" fmla="*/ 1419322 h 5223286"/>
              <a:gd name="connsiteX3" fmla="*/ 6434444 w 10511441"/>
              <a:gd name="connsiteY3" fmla="*/ 101268 h 5223286"/>
              <a:gd name="connsiteX4" fmla="*/ 6604800 w 10511441"/>
              <a:gd name="connsiteY4" fmla="*/ 31 h 5223286"/>
              <a:gd name="connsiteX5" fmla="*/ 10287362 w 10511441"/>
              <a:gd name="connsiteY5" fmla="*/ 3684 h 5223286"/>
              <a:gd name="connsiteX6" fmla="*/ 10511441 w 10511441"/>
              <a:gd name="connsiteY6" fmla="*/ 227725 h 5223286"/>
              <a:gd name="connsiteX7" fmla="*/ 10511441 w 10511441"/>
              <a:gd name="connsiteY7" fmla="*/ 4999245 h 5223286"/>
              <a:gd name="connsiteX8" fmla="*/ 10287362 w 10511441"/>
              <a:gd name="connsiteY8" fmla="*/ 5223286 h 5223286"/>
              <a:gd name="connsiteX9" fmla="*/ 8647347 w 10511441"/>
              <a:gd name="connsiteY9" fmla="*/ 5223286 h 5223286"/>
              <a:gd name="connsiteX10" fmla="*/ 8423267 w 10511441"/>
              <a:gd name="connsiteY10" fmla="*/ 4999245 h 5223286"/>
              <a:gd name="connsiteX11" fmla="*/ 8423267 w 10511441"/>
              <a:gd name="connsiteY11" fmla="*/ 4292293 h 5223286"/>
              <a:gd name="connsiteX12" fmla="*/ 8007045 w 10511441"/>
              <a:gd name="connsiteY12" fmla="*/ 4177005 h 5223286"/>
              <a:gd name="connsiteX13" fmla="*/ 7444476 w 10511441"/>
              <a:gd name="connsiteY13" fmla="*/ 5114480 h 5223286"/>
              <a:gd name="connsiteX14" fmla="*/ 7252333 w 10511441"/>
              <a:gd name="connsiteY14" fmla="*/ 5223233 h 5223286"/>
              <a:gd name="connsiteX15" fmla="*/ 224086 w 10511441"/>
              <a:gd name="connsiteY15" fmla="*/ 5223233 h 5223286"/>
              <a:gd name="connsiteX16" fmla="*/ 7 w 10511441"/>
              <a:gd name="connsiteY16" fmla="*/ 4999192 h 5223286"/>
              <a:gd name="connsiteX17" fmla="*/ 8 w 10511441"/>
              <a:gd name="connsiteY17" fmla="*/ 3771014 h 5223286"/>
              <a:gd name="connsiteX18" fmla="*/ 38122 w 10511441"/>
              <a:gd name="connsiteY18" fmla="*/ 3605613 h 5223286"/>
              <a:gd name="connsiteX19" fmla="*/ 1252871 w 10511441"/>
              <a:gd name="connsiteY19" fmla="*/ 1594475 h 5223286"/>
              <a:gd name="connsiteX20" fmla="*/ 1402611 w 10511441"/>
              <a:gd name="connsiteY20" fmla="*/ 1501747 h 5223286"/>
              <a:gd name="connsiteX0" fmla="*/ 1402605 w 10511435"/>
              <a:gd name="connsiteY0" fmla="*/ 1501747 h 5223286"/>
              <a:gd name="connsiteX1" fmla="*/ 5524028 w 10511435"/>
              <a:gd name="connsiteY1" fmla="*/ 1501379 h 5223286"/>
              <a:gd name="connsiteX2" fmla="*/ 5645986 w 10511435"/>
              <a:gd name="connsiteY2" fmla="*/ 1419322 h 5223286"/>
              <a:gd name="connsiteX3" fmla="*/ 6434438 w 10511435"/>
              <a:gd name="connsiteY3" fmla="*/ 101268 h 5223286"/>
              <a:gd name="connsiteX4" fmla="*/ 6604794 w 10511435"/>
              <a:gd name="connsiteY4" fmla="*/ 31 h 5223286"/>
              <a:gd name="connsiteX5" fmla="*/ 10287356 w 10511435"/>
              <a:gd name="connsiteY5" fmla="*/ 3684 h 5223286"/>
              <a:gd name="connsiteX6" fmla="*/ 10511435 w 10511435"/>
              <a:gd name="connsiteY6" fmla="*/ 227725 h 5223286"/>
              <a:gd name="connsiteX7" fmla="*/ 10511435 w 10511435"/>
              <a:gd name="connsiteY7" fmla="*/ 4999245 h 5223286"/>
              <a:gd name="connsiteX8" fmla="*/ 10287356 w 10511435"/>
              <a:gd name="connsiteY8" fmla="*/ 5223286 h 5223286"/>
              <a:gd name="connsiteX9" fmla="*/ 8647341 w 10511435"/>
              <a:gd name="connsiteY9" fmla="*/ 5223286 h 5223286"/>
              <a:gd name="connsiteX10" fmla="*/ 8423261 w 10511435"/>
              <a:gd name="connsiteY10" fmla="*/ 4999245 h 5223286"/>
              <a:gd name="connsiteX11" fmla="*/ 8423261 w 10511435"/>
              <a:gd name="connsiteY11" fmla="*/ 4292293 h 5223286"/>
              <a:gd name="connsiteX12" fmla="*/ 8007039 w 10511435"/>
              <a:gd name="connsiteY12" fmla="*/ 4177005 h 5223286"/>
              <a:gd name="connsiteX13" fmla="*/ 7444470 w 10511435"/>
              <a:gd name="connsiteY13" fmla="*/ 5114480 h 5223286"/>
              <a:gd name="connsiteX14" fmla="*/ 7252327 w 10511435"/>
              <a:gd name="connsiteY14" fmla="*/ 5223233 h 5223286"/>
              <a:gd name="connsiteX15" fmla="*/ 224080 w 10511435"/>
              <a:gd name="connsiteY15" fmla="*/ 5223233 h 5223286"/>
              <a:gd name="connsiteX16" fmla="*/ 1 w 10511435"/>
              <a:gd name="connsiteY16" fmla="*/ 4999192 h 5223286"/>
              <a:gd name="connsiteX17" fmla="*/ 2 w 10511435"/>
              <a:gd name="connsiteY17" fmla="*/ 3771014 h 5223286"/>
              <a:gd name="connsiteX18" fmla="*/ 38116 w 10511435"/>
              <a:gd name="connsiteY18" fmla="*/ 3605613 h 5223286"/>
              <a:gd name="connsiteX19" fmla="*/ 1252865 w 10511435"/>
              <a:gd name="connsiteY19" fmla="*/ 1594475 h 5223286"/>
              <a:gd name="connsiteX20" fmla="*/ 1402605 w 10511435"/>
              <a:gd name="connsiteY20" fmla="*/ 1501747 h 5223286"/>
              <a:gd name="connsiteX0" fmla="*/ 1420613 w 10529443"/>
              <a:gd name="connsiteY0" fmla="*/ 1501747 h 5223534"/>
              <a:gd name="connsiteX1" fmla="*/ 5542036 w 10529443"/>
              <a:gd name="connsiteY1" fmla="*/ 1501379 h 5223534"/>
              <a:gd name="connsiteX2" fmla="*/ 5663994 w 10529443"/>
              <a:gd name="connsiteY2" fmla="*/ 1419322 h 5223534"/>
              <a:gd name="connsiteX3" fmla="*/ 6452446 w 10529443"/>
              <a:gd name="connsiteY3" fmla="*/ 101268 h 5223534"/>
              <a:gd name="connsiteX4" fmla="*/ 6622802 w 10529443"/>
              <a:gd name="connsiteY4" fmla="*/ 31 h 5223534"/>
              <a:gd name="connsiteX5" fmla="*/ 10305364 w 10529443"/>
              <a:gd name="connsiteY5" fmla="*/ 3684 h 5223534"/>
              <a:gd name="connsiteX6" fmla="*/ 10529443 w 10529443"/>
              <a:gd name="connsiteY6" fmla="*/ 227725 h 5223534"/>
              <a:gd name="connsiteX7" fmla="*/ 10529443 w 10529443"/>
              <a:gd name="connsiteY7" fmla="*/ 4999245 h 5223534"/>
              <a:gd name="connsiteX8" fmla="*/ 10305364 w 10529443"/>
              <a:gd name="connsiteY8" fmla="*/ 5223286 h 5223534"/>
              <a:gd name="connsiteX9" fmla="*/ 8665349 w 10529443"/>
              <a:gd name="connsiteY9" fmla="*/ 5223286 h 5223534"/>
              <a:gd name="connsiteX10" fmla="*/ 8441269 w 10529443"/>
              <a:gd name="connsiteY10" fmla="*/ 4999245 h 5223534"/>
              <a:gd name="connsiteX11" fmla="*/ 8441269 w 10529443"/>
              <a:gd name="connsiteY11" fmla="*/ 4292293 h 5223534"/>
              <a:gd name="connsiteX12" fmla="*/ 8025047 w 10529443"/>
              <a:gd name="connsiteY12" fmla="*/ 4177005 h 5223534"/>
              <a:gd name="connsiteX13" fmla="*/ 7462478 w 10529443"/>
              <a:gd name="connsiteY13" fmla="*/ 5114480 h 5223534"/>
              <a:gd name="connsiteX14" fmla="*/ 7270335 w 10529443"/>
              <a:gd name="connsiteY14" fmla="*/ 5223233 h 5223534"/>
              <a:gd name="connsiteX15" fmla="*/ 261138 w 10529443"/>
              <a:gd name="connsiteY15" fmla="*/ 5223233 h 5223534"/>
              <a:gd name="connsiteX16" fmla="*/ 18009 w 10529443"/>
              <a:gd name="connsiteY16" fmla="*/ 4999192 h 5223534"/>
              <a:gd name="connsiteX17" fmla="*/ 18010 w 10529443"/>
              <a:gd name="connsiteY17" fmla="*/ 3771014 h 5223534"/>
              <a:gd name="connsiteX18" fmla="*/ 56124 w 10529443"/>
              <a:gd name="connsiteY18" fmla="*/ 3605613 h 5223534"/>
              <a:gd name="connsiteX19" fmla="*/ 1270873 w 10529443"/>
              <a:gd name="connsiteY19" fmla="*/ 1594475 h 5223534"/>
              <a:gd name="connsiteX20" fmla="*/ 1420613 w 10529443"/>
              <a:gd name="connsiteY20" fmla="*/ 1501747 h 5223534"/>
              <a:gd name="connsiteX0" fmla="*/ 1420613 w 10529443"/>
              <a:gd name="connsiteY0" fmla="*/ 1501747 h 5223534"/>
              <a:gd name="connsiteX1" fmla="*/ 5542036 w 10529443"/>
              <a:gd name="connsiteY1" fmla="*/ 1501379 h 5223534"/>
              <a:gd name="connsiteX2" fmla="*/ 5663994 w 10529443"/>
              <a:gd name="connsiteY2" fmla="*/ 1419322 h 5223534"/>
              <a:gd name="connsiteX3" fmla="*/ 6452446 w 10529443"/>
              <a:gd name="connsiteY3" fmla="*/ 101268 h 5223534"/>
              <a:gd name="connsiteX4" fmla="*/ 6622802 w 10529443"/>
              <a:gd name="connsiteY4" fmla="*/ 31 h 5223534"/>
              <a:gd name="connsiteX5" fmla="*/ 10305364 w 10529443"/>
              <a:gd name="connsiteY5" fmla="*/ 3684 h 5223534"/>
              <a:gd name="connsiteX6" fmla="*/ 10529443 w 10529443"/>
              <a:gd name="connsiteY6" fmla="*/ 227725 h 5223534"/>
              <a:gd name="connsiteX7" fmla="*/ 10529443 w 10529443"/>
              <a:gd name="connsiteY7" fmla="*/ 4999245 h 5223534"/>
              <a:gd name="connsiteX8" fmla="*/ 10305364 w 10529443"/>
              <a:gd name="connsiteY8" fmla="*/ 5223286 h 5223534"/>
              <a:gd name="connsiteX9" fmla="*/ 8665349 w 10529443"/>
              <a:gd name="connsiteY9" fmla="*/ 5223286 h 5223534"/>
              <a:gd name="connsiteX10" fmla="*/ 8441269 w 10529443"/>
              <a:gd name="connsiteY10" fmla="*/ 4999245 h 5223534"/>
              <a:gd name="connsiteX11" fmla="*/ 8441269 w 10529443"/>
              <a:gd name="connsiteY11" fmla="*/ 4292293 h 5223534"/>
              <a:gd name="connsiteX12" fmla="*/ 8025047 w 10529443"/>
              <a:gd name="connsiteY12" fmla="*/ 4177005 h 5223534"/>
              <a:gd name="connsiteX13" fmla="*/ 7462478 w 10529443"/>
              <a:gd name="connsiteY13" fmla="*/ 5114480 h 5223534"/>
              <a:gd name="connsiteX14" fmla="*/ 7270335 w 10529443"/>
              <a:gd name="connsiteY14" fmla="*/ 5223233 h 5223534"/>
              <a:gd name="connsiteX15" fmla="*/ 261138 w 10529443"/>
              <a:gd name="connsiteY15" fmla="*/ 5223233 h 5223534"/>
              <a:gd name="connsiteX16" fmla="*/ 18009 w 10529443"/>
              <a:gd name="connsiteY16" fmla="*/ 4999192 h 5223534"/>
              <a:gd name="connsiteX17" fmla="*/ 18010 w 10529443"/>
              <a:gd name="connsiteY17" fmla="*/ 3771014 h 5223534"/>
              <a:gd name="connsiteX18" fmla="*/ 56124 w 10529443"/>
              <a:gd name="connsiteY18" fmla="*/ 3605613 h 5223534"/>
              <a:gd name="connsiteX19" fmla="*/ 1270873 w 10529443"/>
              <a:gd name="connsiteY19" fmla="*/ 1594475 h 5223534"/>
              <a:gd name="connsiteX20" fmla="*/ 1420613 w 10529443"/>
              <a:gd name="connsiteY20" fmla="*/ 1501747 h 5223534"/>
              <a:gd name="connsiteX0" fmla="*/ 1404738 w 10513568"/>
              <a:gd name="connsiteY0" fmla="*/ 1501747 h 5223702"/>
              <a:gd name="connsiteX1" fmla="*/ 5526161 w 10513568"/>
              <a:gd name="connsiteY1" fmla="*/ 1501379 h 5223702"/>
              <a:gd name="connsiteX2" fmla="*/ 5648119 w 10513568"/>
              <a:gd name="connsiteY2" fmla="*/ 1419322 h 5223702"/>
              <a:gd name="connsiteX3" fmla="*/ 6436571 w 10513568"/>
              <a:gd name="connsiteY3" fmla="*/ 101268 h 5223702"/>
              <a:gd name="connsiteX4" fmla="*/ 6606927 w 10513568"/>
              <a:gd name="connsiteY4" fmla="*/ 31 h 5223702"/>
              <a:gd name="connsiteX5" fmla="*/ 10289489 w 10513568"/>
              <a:gd name="connsiteY5" fmla="*/ 3684 h 5223702"/>
              <a:gd name="connsiteX6" fmla="*/ 10513568 w 10513568"/>
              <a:gd name="connsiteY6" fmla="*/ 227725 h 5223702"/>
              <a:gd name="connsiteX7" fmla="*/ 10513568 w 10513568"/>
              <a:gd name="connsiteY7" fmla="*/ 4999245 h 5223702"/>
              <a:gd name="connsiteX8" fmla="*/ 10289489 w 10513568"/>
              <a:gd name="connsiteY8" fmla="*/ 5223286 h 5223702"/>
              <a:gd name="connsiteX9" fmla="*/ 8649474 w 10513568"/>
              <a:gd name="connsiteY9" fmla="*/ 5223286 h 5223702"/>
              <a:gd name="connsiteX10" fmla="*/ 8425394 w 10513568"/>
              <a:gd name="connsiteY10" fmla="*/ 4999245 h 5223702"/>
              <a:gd name="connsiteX11" fmla="*/ 8425394 w 10513568"/>
              <a:gd name="connsiteY11" fmla="*/ 4292293 h 5223702"/>
              <a:gd name="connsiteX12" fmla="*/ 8009172 w 10513568"/>
              <a:gd name="connsiteY12" fmla="*/ 4177005 h 5223702"/>
              <a:gd name="connsiteX13" fmla="*/ 7446603 w 10513568"/>
              <a:gd name="connsiteY13" fmla="*/ 5114480 h 5223702"/>
              <a:gd name="connsiteX14" fmla="*/ 7254460 w 10513568"/>
              <a:gd name="connsiteY14" fmla="*/ 5223233 h 5223702"/>
              <a:gd name="connsiteX15" fmla="*/ 245263 w 10513568"/>
              <a:gd name="connsiteY15" fmla="*/ 5223233 h 5223702"/>
              <a:gd name="connsiteX16" fmla="*/ 2134 w 10513568"/>
              <a:gd name="connsiteY16" fmla="*/ 4999192 h 5223702"/>
              <a:gd name="connsiteX17" fmla="*/ 2135 w 10513568"/>
              <a:gd name="connsiteY17" fmla="*/ 3771014 h 5223702"/>
              <a:gd name="connsiteX18" fmla="*/ 40249 w 10513568"/>
              <a:gd name="connsiteY18" fmla="*/ 3605613 h 5223702"/>
              <a:gd name="connsiteX19" fmla="*/ 1254998 w 10513568"/>
              <a:gd name="connsiteY19" fmla="*/ 1594475 h 5223702"/>
              <a:gd name="connsiteX20" fmla="*/ 1404738 w 10513568"/>
              <a:gd name="connsiteY20" fmla="*/ 1501747 h 5223702"/>
              <a:gd name="connsiteX0" fmla="*/ 1403680 w 10512510"/>
              <a:gd name="connsiteY0" fmla="*/ 1501747 h 5223702"/>
              <a:gd name="connsiteX1" fmla="*/ 5525103 w 10512510"/>
              <a:gd name="connsiteY1" fmla="*/ 1501379 h 5223702"/>
              <a:gd name="connsiteX2" fmla="*/ 5647061 w 10512510"/>
              <a:gd name="connsiteY2" fmla="*/ 1419322 h 5223702"/>
              <a:gd name="connsiteX3" fmla="*/ 6435513 w 10512510"/>
              <a:gd name="connsiteY3" fmla="*/ 101268 h 5223702"/>
              <a:gd name="connsiteX4" fmla="*/ 6605869 w 10512510"/>
              <a:gd name="connsiteY4" fmla="*/ 31 h 5223702"/>
              <a:gd name="connsiteX5" fmla="*/ 10288431 w 10512510"/>
              <a:gd name="connsiteY5" fmla="*/ 3684 h 5223702"/>
              <a:gd name="connsiteX6" fmla="*/ 10512510 w 10512510"/>
              <a:gd name="connsiteY6" fmla="*/ 227725 h 5223702"/>
              <a:gd name="connsiteX7" fmla="*/ 10512510 w 10512510"/>
              <a:gd name="connsiteY7" fmla="*/ 4999245 h 5223702"/>
              <a:gd name="connsiteX8" fmla="*/ 10288431 w 10512510"/>
              <a:gd name="connsiteY8" fmla="*/ 5223286 h 5223702"/>
              <a:gd name="connsiteX9" fmla="*/ 8648416 w 10512510"/>
              <a:gd name="connsiteY9" fmla="*/ 5223286 h 5223702"/>
              <a:gd name="connsiteX10" fmla="*/ 8424336 w 10512510"/>
              <a:gd name="connsiteY10" fmla="*/ 4999245 h 5223702"/>
              <a:gd name="connsiteX11" fmla="*/ 8424336 w 10512510"/>
              <a:gd name="connsiteY11" fmla="*/ 4292293 h 5223702"/>
              <a:gd name="connsiteX12" fmla="*/ 8008114 w 10512510"/>
              <a:gd name="connsiteY12" fmla="*/ 4177005 h 5223702"/>
              <a:gd name="connsiteX13" fmla="*/ 7445545 w 10512510"/>
              <a:gd name="connsiteY13" fmla="*/ 5114480 h 5223702"/>
              <a:gd name="connsiteX14" fmla="*/ 7253402 w 10512510"/>
              <a:gd name="connsiteY14" fmla="*/ 5223233 h 5223702"/>
              <a:gd name="connsiteX15" fmla="*/ 244205 w 10512510"/>
              <a:gd name="connsiteY15" fmla="*/ 5223233 h 5223702"/>
              <a:gd name="connsiteX16" fmla="*/ 1076 w 10512510"/>
              <a:gd name="connsiteY16" fmla="*/ 4999192 h 5223702"/>
              <a:gd name="connsiteX17" fmla="*/ 1077 w 10512510"/>
              <a:gd name="connsiteY17" fmla="*/ 3771014 h 5223702"/>
              <a:gd name="connsiteX18" fmla="*/ 39191 w 10512510"/>
              <a:gd name="connsiteY18" fmla="*/ 3605613 h 5223702"/>
              <a:gd name="connsiteX19" fmla="*/ 1253940 w 10512510"/>
              <a:gd name="connsiteY19" fmla="*/ 1594475 h 5223702"/>
              <a:gd name="connsiteX20" fmla="*/ 1403680 w 10512510"/>
              <a:gd name="connsiteY20" fmla="*/ 1501747 h 5223702"/>
              <a:gd name="connsiteX0" fmla="*/ 1404232 w 10513062"/>
              <a:gd name="connsiteY0" fmla="*/ 1501747 h 5223286"/>
              <a:gd name="connsiteX1" fmla="*/ 5525655 w 10513062"/>
              <a:gd name="connsiteY1" fmla="*/ 1501379 h 5223286"/>
              <a:gd name="connsiteX2" fmla="*/ 5647613 w 10513062"/>
              <a:gd name="connsiteY2" fmla="*/ 1419322 h 5223286"/>
              <a:gd name="connsiteX3" fmla="*/ 6436065 w 10513062"/>
              <a:gd name="connsiteY3" fmla="*/ 101268 h 5223286"/>
              <a:gd name="connsiteX4" fmla="*/ 6606421 w 10513062"/>
              <a:gd name="connsiteY4" fmla="*/ 31 h 5223286"/>
              <a:gd name="connsiteX5" fmla="*/ 10288983 w 10513062"/>
              <a:gd name="connsiteY5" fmla="*/ 3684 h 5223286"/>
              <a:gd name="connsiteX6" fmla="*/ 10513062 w 10513062"/>
              <a:gd name="connsiteY6" fmla="*/ 227725 h 5223286"/>
              <a:gd name="connsiteX7" fmla="*/ 10513062 w 10513062"/>
              <a:gd name="connsiteY7" fmla="*/ 4999245 h 5223286"/>
              <a:gd name="connsiteX8" fmla="*/ 10288983 w 10513062"/>
              <a:gd name="connsiteY8" fmla="*/ 5223286 h 5223286"/>
              <a:gd name="connsiteX9" fmla="*/ 8648968 w 10513062"/>
              <a:gd name="connsiteY9" fmla="*/ 5223286 h 5223286"/>
              <a:gd name="connsiteX10" fmla="*/ 8424888 w 10513062"/>
              <a:gd name="connsiteY10" fmla="*/ 4999245 h 5223286"/>
              <a:gd name="connsiteX11" fmla="*/ 8424888 w 10513062"/>
              <a:gd name="connsiteY11" fmla="*/ 4292293 h 5223286"/>
              <a:gd name="connsiteX12" fmla="*/ 8008666 w 10513062"/>
              <a:gd name="connsiteY12" fmla="*/ 4177005 h 5223286"/>
              <a:gd name="connsiteX13" fmla="*/ 7446097 w 10513062"/>
              <a:gd name="connsiteY13" fmla="*/ 5114480 h 5223286"/>
              <a:gd name="connsiteX14" fmla="*/ 7253954 w 10513062"/>
              <a:gd name="connsiteY14" fmla="*/ 5223233 h 5223286"/>
              <a:gd name="connsiteX15" fmla="*/ 244757 w 10513062"/>
              <a:gd name="connsiteY15" fmla="*/ 5223233 h 5223286"/>
              <a:gd name="connsiteX16" fmla="*/ 1628 w 10513062"/>
              <a:gd name="connsiteY16" fmla="*/ 4999192 h 5223286"/>
              <a:gd name="connsiteX17" fmla="*/ 1629 w 10513062"/>
              <a:gd name="connsiteY17" fmla="*/ 3771014 h 5223286"/>
              <a:gd name="connsiteX18" fmla="*/ 39743 w 10513062"/>
              <a:gd name="connsiteY18" fmla="*/ 3605613 h 5223286"/>
              <a:gd name="connsiteX19" fmla="*/ 1254492 w 10513062"/>
              <a:gd name="connsiteY19" fmla="*/ 1594475 h 5223286"/>
              <a:gd name="connsiteX20" fmla="*/ 1404232 w 10513062"/>
              <a:gd name="connsiteY20" fmla="*/ 1501747 h 5223286"/>
              <a:gd name="connsiteX0" fmla="*/ 1404232 w 10513062"/>
              <a:gd name="connsiteY0" fmla="*/ 1501747 h 5223286"/>
              <a:gd name="connsiteX1" fmla="*/ 5525655 w 10513062"/>
              <a:gd name="connsiteY1" fmla="*/ 1501379 h 5223286"/>
              <a:gd name="connsiteX2" fmla="*/ 5647613 w 10513062"/>
              <a:gd name="connsiteY2" fmla="*/ 1419322 h 5223286"/>
              <a:gd name="connsiteX3" fmla="*/ 6436065 w 10513062"/>
              <a:gd name="connsiteY3" fmla="*/ 101268 h 5223286"/>
              <a:gd name="connsiteX4" fmla="*/ 6606421 w 10513062"/>
              <a:gd name="connsiteY4" fmla="*/ 31 h 5223286"/>
              <a:gd name="connsiteX5" fmla="*/ 10288983 w 10513062"/>
              <a:gd name="connsiteY5" fmla="*/ 3684 h 5223286"/>
              <a:gd name="connsiteX6" fmla="*/ 10513062 w 10513062"/>
              <a:gd name="connsiteY6" fmla="*/ 227725 h 5223286"/>
              <a:gd name="connsiteX7" fmla="*/ 10513062 w 10513062"/>
              <a:gd name="connsiteY7" fmla="*/ 4999245 h 5223286"/>
              <a:gd name="connsiteX8" fmla="*/ 10288983 w 10513062"/>
              <a:gd name="connsiteY8" fmla="*/ 5223286 h 5223286"/>
              <a:gd name="connsiteX9" fmla="*/ 8648968 w 10513062"/>
              <a:gd name="connsiteY9" fmla="*/ 5223286 h 5223286"/>
              <a:gd name="connsiteX10" fmla="*/ 8424888 w 10513062"/>
              <a:gd name="connsiteY10" fmla="*/ 4999245 h 5223286"/>
              <a:gd name="connsiteX11" fmla="*/ 8424888 w 10513062"/>
              <a:gd name="connsiteY11" fmla="*/ 4292293 h 5223286"/>
              <a:gd name="connsiteX12" fmla="*/ 8008666 w 10513062"/>
              <a:gd name="connsiteY12" fmla="*/ 4177005 h 5223286"/>
              <a:gd name="connsiteX13" fmla="*/ 7446097 w 10513062"/>
              <a:gd name="connsiteY13" fmla="*/ 5114480 h 5223286"/>
              <a:gd name="connsiteX14" fmla="*/ 7253954 w 10513062"/>
              <a:gd name="connsiteY14" fmla="*/ 5223233 h 5223286"/>
              <a:gd name="connsiteX15" fmla="*/ 244757 w 10513062"/>
              <a:gd name="connsiteY15" fmla="*/ 5223233 h 5223286"/>
              <a:gd name="connsiteX16" fmla="*/ 1628 w 10513062"/>
              <a:gd name="connsiteY16" fmla="*/ 4999192 h 5223286"/>
              <a:gd name="connsiteX17" fmla="*/ 1629 w 10513062"/>
              <a:gd name="connsiteY17" fmla="*/ 3771014 h 5223286"/>
              <a:gd name="connsiteX18" fmla="*/ 39743 w 10513062"/>
              <a:gd name="connsiteY18" fmla="*/ 3605613 h 5223286"/>
              <a:gd name="connsiteX19" fmla="*/ 1254492 w 10513062"/>
              <a:gd name="connsiteY19" fmla="*/ 1594475 h 5223286"/>
              <a:gd name="connsiteX20" fmla="*/ 1404232 w 10513062"/>
              <a:gd name="connsiteY20" fmla="*/ 1501747 h 5223286"/>
              <a:gd name="connsiteX0" fmla="*/ 1404732 w 10513562"/>
              <a:gd name="connsiteY0" fmla="*/ 1501747 h 5223286"/>
              <a:gd name="connsiteX1" fmla="*/ 5526155 w 10513562"/>
              <a:gd name="connsiteY1" fmla="*/ 1501379 h 5223286"/>
              <a:gd name="connsiteX2" fmla="*/ 5648113 w 10513562"/>
              <a:gd name="connsiteY2" fmla="*/ 1419322 h 5223286"/>
              <a:gd name="connsiteX3" fmla="*/ 6436565 w 10513562"/>
              <a:gd name="connsiteY3" fmla="*/ 101268 h 5223286"/>
              <a:gd name="connsiteX4" fmla="*/ 6606921 w 10513562"/>
              <a:gd name="connsiteY4" fmla="*/ 31 h 5223286"/>
              <a:gd name="connsiteX5" fmla="*/ 10289483 w 10513562"/>
              <a:gd name="connsiteY5" fmla="*/ 3684 h 5223286"/>
              <a:gd name="connsiteX6" fmla="*/ 10513562 w 10513562"/>
              <a:gd name="connsiteY6" fmla="*/ 227725 h 5223286"/>
              <a:gd name="connsiteX7" fmla="*/ 10513562 w 10513562"/>
              <a:gd name="connsiteY7" fmla="*/ 4999245 h 5223286"/>
              <a:gd name="connsiteX8" fmla="*/ 10289483 w 10513562"/>
              <a:gd name="connsiteY8" fmla="*/ 5223286 h 5223286"/>
              <a:gd name="connsiteX9" fmla="*/ 8649468 w 10513562"/>
              <a:gd name="connsiteY9" fmla="*/ 5223286 h 5223286"/>
              <a:gd name="connsiteX10" fmla="*/ 8425388 w 10513562"/>
              <a:gd name="connsiteY10" fmla="*/ 4999245 h 5223286"/>
              <a:gd name="connsiteX11" fmla="*/ 8425388 w 10513562"/>
              <a:gd name="connsiteY11" fmla="*/ 4292293 h 5223286"/>
              <a:gd name="connsiteX12" fmla="*/ 8009166 w 10513562"/>
              <a:gd name="connsiteY12" fmla="*/ 4177005 h 5223286"/>
              <a:gd name="connsiteX13" fmla="*/ 7446597 w 10513562"/>
              <a:gd name="connsiteY13" fmla="*/ 5114480 h 5223286"/>
              <a:gd name="connsiteX14" fmla="*/ 7254454 w 10513562"/>
              <a:gd name="connsiteY14" fmla="*/ 5223233 h 5223286"/>
              <a:gd name="connsiteX15" fmla="*/ 245257 w 10513562"/>
              <a:gd name="connsiteY15" fmla="*/ 5223233 h 5223286"/>
              <a:gd name="connsiteX16" fmla="*/ 2128 w 10513562"/>
              <a:gd name="connsiteY16" fmla="*/ 4999192 h 5223286"/>
              <a:gd name="connsiteX17" fmla="*/ 2129 w 10513562"/>
              <a:gd name="connsiteY17" fmla="*/ 3771014 h 5223286"/>
              <a:gd name="connsiteX18" fmla="*/ 40243 w 10513562"/>
              <a:gd name="connsiteY18" fmla="*/ 3605613 h 5223286"/>
              <a:gd name="connsiteX19" fmla="*/ 1254992 w 10513562"/>
              <a:gd name="connsiteY19" fmla="*/ 1594475 h 5223286"/>
              <a:gd name="connsiteX20" fmla="*/ 1404732 w 10513562"/>
              <a:gd name="connsiteY20" fmla="*/ 1501747 h 5223286"/>
              <a:gd name="connsiteX0" fmla="*/ 1402617 w 10511447"/>
              <a:gd name="connsiteY0" fmla="*/ 1501747 h 5223286"/>
              <a:gd name="connsiteX1" fmla="*/ 5524040 w 10511447"/>
              <a:gd name="connsiteY1" fmla="*/ 1501379 h 5223286"/>
              <a:gd name="connsiteX2" fmla="*/ 5645998 w 10511447"/>
              <a:gd name="connsiteY2" fmla="*/ 1419322 h 5223286"/>
              <a:gd name="connsiteX3" fmla="*/ 6434450 w 10511447"/>
              <a:gd name="connsiteY3" fmla="*/ 101268 h 5223286"/>
              <a:gd name="connsiteX4" fmla="*/ 6604806 w 10511447"/>
              <a:gd name="connsiteY4" fmla="*/ 31 h 5223286"/>
              <a:gd name="connsiteX5" fmla="*/ 10287368 w 10511447"/>
              <a:gd name="connsiteY5" fmla="*/ 3684 h 5223286"/>
              <a:gd name="connsiteX6" fmla="*/ 10511447 w 10511447"/>
              <a:gd name="connsiteY6" fmla="*/ 227725 h 5223286"/>
              <a:gd name="connsiteX7" fmla="*/ 10511447 w 10511447"/>
              <a:gd name="connsiteY7" fmla="*/ 4999245 h 5223286"/>
              <a:gd name="connsiteX8" fmla="*/ 10287368 w 10511447"/>
              <a:gd name="connsiteY8" fmla="*/ 5223286 h 5223286"/>
              <a:gd name="connsiteX9" fmla="*/ 8647353 w 10511447"/>
              <a:gd name="connsiteY9" fmla="*/ 5223286 h 5223286"/>
              <a:gd name="connsiteX10" fmla="*/ 8423273 w 10511447"/>
              <a:gd name="connsiteY10" fmla="*/ 4999245 h 5223286"/>
              <a:gd name="connsiteX11" fmla="*/ 8423273 w 10511447"/>
              <a:gd name="connsiteY11" fmla="*/ 4292293 h 5223286"/>
              <a:gd name="connsiteX12" fmla="*/ 8007051 w 10511447"/>
              <a:gd name="connsiteY12" fmla="*/ 4177005 h 5223286"/>
              <a:gd name="connsiteX13" fmla="*/ 7444482 w 10511447"/>
              <a:gd name="connsiteY13" fmla="*/ 5114480 h 5223286"/>
              <a:gd name="connsiteX14" fmla="*/ 7252339 w 10511447"/>
              <a:gd name="connsiteY14" fmla="*/ 5223233 h 5223286"/>
              <a:gd name="connsiteX15" fmla="*/ 243142 w 10511447"/>
              <a:gd name="connsiteY15" fmla="*/ 5223233 h 5223286"/>
              <a:gd name="connsiteX16" fmla="*/ 13 w 10511447"/>
              <a:gd name="connsiteY16" fmla="*/ 4999192 h 5223286"/>
              <a:gd name="connsiteX17" fmla="*/ 14 w 10511447"/>
              <a:gd name="connsiteY17" fmla="*/ 3771014 h 5223286"/>
              <a:gd name="connsiteX18" fmla="*/ 38128 w 10511447"/>
              <a:gd name="connsiteY18" fmla="*/ 3605613 h 5223286"/>
              <a:gd name="connsiteX19" fmla="*/ 1252877 w 10511447"/>
              <a:gd name="connsiteY19" fmla="*/ 1594475 h 5223286"/>
              <a:gd name="connsiteX20" fmla="*/ 1402617 w 10511447"/>
              <a:gd name="connsiteY20" fmla="*/ 1501747 h 5223286"/>
              <a:gd name="connsiteX0" fmla="*/ 1417614 w 10526444"/>
              <a:gd name="connsiteY0" fmla="*/ 1501747 h 5223286"/>
              <a:gd name="connsiteX1" fmla="*/ 5539037 w 10526444"/>
              <a:gd name="connsiteY1" fmla="*/ 1501379 h 5223286"/>
              <a:gd name="connsiteX2" fmla="*/ 5660995 w 10526444"/>
              <a:gd name="connsiteY2" fmla="*/ 1419322 h 5223286"/>
              <a:gd name="connsiteX3" fmla="*/ 6449447 w 10526444"/>
              <a:gd name="connsiteY3" fmla="*/ 101268 h 5223286"/>
              <a:gd name="connsiteX4" fmla="*/ 6619803 w 10526444"/>
              <a:gd name="connsiteY4" fmla="*/ 31 h 5223286"/>
              <a:gd name="connsiteX5" fmla="*/ 10302365 w 10526444"/>
              <a:gd name="connsiteY5" fmla="*/ 3684 h 5223286"/>
              <a:gd name="connsiteX6" fmla="*/ 10526444 w 10526444"/>
              <a:gd name="connsiteY6" fmla="*/ 227725 h 5223286"/>
              <a:gd name="connsiteX7" fmla="*/ 10526444 w 10526444"/>
              <a:gd name="connsiteY7" fmla="*/ 4999245 h 5223286"/>
              <a:gd name="connsiteX8" fmla="*/ 10302365 w 10526444"/>
              <a:gd name="connsiteY8" fmla="*/ 5223286 h 5223286"/>
              <a:gd name="connsiteX9" fmla="*/ 8662350 w 10526444"/>
              <a:gd name="connsiteY9" fmla="*/ 5223286 h 5223286"/>
              <a:gd name="connsiteX10" fmla="*/ 8438270 w 10526444"/>
              <a:gd name="connsiteY10" fmla="*/ 4999245 h 5223286"/>
              <a:gd name="connsiteX11" fmla="*/ 8438270 w 10526444"/>
              <a:gd name="connsiteY11" fmla="*/ 4292293 h 5223286"/>
              <a:gd name="connsiteX12" fmla="*/ 8022048 w 10526444"/>
              <a:gd name="connsiteY12" fmla="*/ 4177005 h 5223286"/>
              <a:gd name="connsiteX13" fmla="*/ 7459479 w 10526444"/>
              <a:gd name="connsiteY13" fmla="*/ 5114480 h 5223286"/>
              <a:gd name="connsiteX14" fmla="*/ 7267336 w 10526444"/>
              <a:gd name="connsiteY14" fmla="*/ 5223233 h 5223286"/>
              <a:gd name="connsiteX15" fmla="*/ 217658 w 10526444"/>
              <a:gd name="connsiteY15" fmla="*/ 5223233 h 5223286"/>
              <a:gd name="connsiteX16" fmla="*/ 15010 w 10526444"/>
              <a:gd name="connsiteY16" fmla="*/ 4999192 h 5223286"/>
              <a:gd name="connsiteX17" fmla="*/ 15011 w 10526444"/>
              <a:gd name="connsiteY17" fmla="*/ 3771014 h 5223286"/>
              <a:gd name="connsiteX18" fmla="*/ 53125 w 10526444"/>
              <a:gd name="connsiteY18" fmla="*/ 3605613 h 5223286"/>
              <a:gd name="connsiteX19" fmla="*/ 1267874 w 10526444"/>
              <a:gd name="connsiteY19" fmla="*/ 1594475 h 5223286"/>
              <a:gd name="connsiteX20" fmla="*/ 1417614 w 10526444"/>
              <a:gd name="connsiteY20" fmla="*/ 1501747 h 5223286"/>
              <a:gd name="connsiteX0" fmla="*/ 1417614 w 10526444"/>
              <a:gd name="connsiteY0" fmla="*/ 1501747 h 5223286"/>
              <a:gd name="connsiteX1" fmla="*/ 5539037 w 10526444"/>
              <a:gd name="connsiteY1" fmla="*/ 1501379 h 5223286"/>
              <a:gd name="connsiteX2" fmla="*/ 5660995 w 10526444"/>
              <a:gd name="connsiteY2" fmla="*/ 1419322 h 5223286"/>
              <a:gd name="connsiteX3" fmla="*/ 6449447 w 10526444"/>
              <a:gd name="connsiteY3" fmla="*/ 101268 h 5223286"/>
              <a:gd name="connsiteX4" fmla="*/ 6619803 w 10526444"/>
              <a:gd name="connsiteY4" fmla="*/ 31 h 5223286"/>
              <a:gd name="connsiteX5" fmla="*/ 10302365 w 10526444"/>
              <a:gd name="connsiteY5" fmla="*/ 3684 h 5223286"/>
              <a:gd name="connsiteX6" fmla="*/ 10526444 w 10526444"/>
              <a:gd name="connsiteY6" fmla="*/ 227725 h 5223286"/>
              <a:gd name="connsiteX7" fmla="*/ 10526444 w 10526444"/>
              <a:gd name="connsiteY7" fmla="*/ 4999245 h 5223286"/>
              <a:gd name="connsiteX8" fmla="*/ 10302365 w 10526444"/>
              <a:gd name="connsiteY8" fmla="*/ 5223286 h 5223286"/>
              <a:gd name="connsiteX9" fmla="*/ 8662350 w 10526444"/>
              <a:gd name="connsiteY9" fmla="*/ 5223286 h 5223286"/>
              <a:gd name="connsiteX10" fmla="*/ 8438270 w 10526444"/>
              <a:gd name="connsiteY10" fmla="*/ 4999245 h 5223286"/>
              <a:gd name="connsiteX11" fmla="*/ 8438270 w 10526444"/>
              <a:gd name="connsiteY11" fmla="*/ 4292293 h 5223286"/>
              <a:gd name="connsiteX12" fmla="*/ 8022048 w 10526444"/>
              <a:gd name="connsiteY12" fmla="*/ 4177005 h 5223286"/>
              <a:gd name="connsiteX13" fmla="*/ 7459479 w 10526444"/>
              <a:gd name="connsiteY13" fmla="*/ 5114480 h 5223286"/>
              <a:gd name="connsiteX14" fmla="*/ 7267336 w 10526444"/>
              <a:gd name="connsiteY14" fmla="*/ 5223233 h 5223286"/>
              <a:gd name="connsiteX15" fmla="*/ 217658 w 10526444"/>
              <a:gd name="connsiteY15" fmla="*/ 5223233 h 5223286"/>
              <a:gd name="connsiteX16" fmla="*/ 15010 w 10526444"/>
              <a:gd name="connsiteY16" fmla="*/ 4999192 h 5223286"/>
              <a:gd name="connsiteX17" fmla="*/ 15011 w 10526444"/>
              <a:gd name="connsiteY17" fmla="*/ 3771014 h 5223286"/>
              <a:gd name="connsiteX18" fmla="*/ 53125 w 10526444"/>
              <a:gd name="connsiteY18" fmla="*/ 3605613 h 5223286"/>
              <a:gd name="connsiteX19" fmla="*/ 1267874 w 10526444"/>
              <a:gd name="connsiteY19" fmla="*/ 1594475 h 5223286"/>
              <a:gd name="connsiteX20" fmla="*/ 1417614 w 10526444"/>
              <a:gd name="connsiteY20" fmla="*/ 1501747 h 5223286"/>
              <a:gd name="connsiteX0" fmla="*/ 1404915 w 10513745"/>
              <a:gd name="connsiteY0" fmla="*/ 1501747 h 5223286"/>
              <a:gd name="connsiteX1" fmla="*/ 5526338 w 10513745"/>
              <a:gd name="connsiteY1" fmla="*/ 1501379 h 5223286"/>
              <a:gd name="connsiteX2" fmla="*/ 5648296 w 10513745"/>
              <a:gd name="connsiteY2" fmla="*/ 1419322 h 5223286"/>
              <a:gd name="connsiteX3" fmla="*/ 6436748 w 10513745"/>
              <a:gd name="connsiteY3" fmla="*/ 101268 h 5223286"/>
              <a:gd name="connsiteX4" fmla="*/ 6607104 w 10513745"/>
              <a:gd name="connsiteY4" fmla="*/ 31 h 5223286"/>
              <a:gd name="connsiteX5" fmla="*/ 10289666 w 10513745"/>
              <a:gd name="connsiteY5" fmla="*/ 3684 h 5223286"/>
              <a:gd name="connsiteX6" fmla="*/ 10513745 w 10513745"/>
              <a:gd name="connsiteY6" fmla="*/ 227725 h 5223286"/>
              <a:gd name="connsiteX7" fmla="*/ 10513745 w 10513745"/>
              <a:gd name="connsiteY7" fmla="*/ 4999245 h 5223286"/>
              <a:gd name="connsiteX8" fmla="*/ 10289666 w 10513745"/>
              <a:gd name="connsiteY8" fmla="*/ 5223286 h 5223286"/>
              <a:gd name="connsiteX9" fmla="*/ 8649651 w 10513745"/>
              <a:gd name="connsiteY9" fmla="*/ 5223286 h 5223286"/>
              <a:gd name="connsiteX10" fmla="*/ 8425571 w 10513745"/>
              <a:gd name="connsiteY10" fmla="*/ 4999245 h 5223286"/>
              <a:gd name="connsiteX11" fmla="*/ 8425571 w 10513745"/>
              <a:gd name="connsiteY11" fmla="*/ 4292293 h 5223286"/>
              <a:gd name="connsiteX12" fmla="*/ 8009349 w 10513745"/>
              <a:gd name="connsiteY12" fmla="*/ 4177005 h 5223286"/>
              <a:gd name="connsiteX13" fmla="*/ 7446780 w 10513745"/>
              <a:gd name="connsiteY13" fmla="*/ 5114480 h 5223286"/>
              <a:gd name="connsiteX14" fmla="*/ 7254637 w 10513745"/>
              <a:gd name="connsiteY14" fmla="*/ 5223233 h 5223286"/>
              <a:gd name="connsiteX15" fmla="*/ 204959 w 10513745"/>
              <a:gd name="connsiteY15" fmla="*/ 5223233 h 5223286"/>
              <a:gd name="connsiteX16" fmla="*/ 2311 w 10513745"/>
              <a:gd name="connsiteY16" fmla="*/ 4999192 h 5223286"/>
              <a:gd name="connsiteX17" fmla="*/ 2312 w 10513745"/>
              <a:gd name="connsiteY17" fmla="*/ 3771014 h 5223286"/>
              <a:gd name="connsiteX18" fmla="*/ 40426 w 10513745"/>
              <a:gd name="connsiteY18" fmla="*/ 3605613 h 5223286"/>
              <a:gd name="connsiteX19" fmla="*/ 1255175 w 10513745"/>
              <a:gd name="connsiteY19" fmla="*/ 1594475 h 5223286"/>
              <a:gd name="connsiteX20" fmla="*/ 1404915 w 10513745"/>
              <a:gd name="connsiteY20" fmla="*/ 1501747 h 5223286"/>
              <a:gd name="connsiteX0" fmla="*/ 1404915 w 10513745"/>
              <a:gd name="connsiteY0" fmla="*/ 1501747 h 5223286"/>
              <a:gd name="connsiteX1" fmla="*/ 5526338 w 10513745"/>
              <a:gd name="connsiteY1" fmla="*/ 1501379 h 5223286"/>
              <a:gd name="connsiteX2" fmla="*/ 5648296 w 10513745"/>
              <a:gd name="connsiteY2" fmla="*/ 1419322 h 5223286"/>
              <a:gd name="connsiteX3" fmla="*/ 6436748 w 10513745"/>
              <a:gd name="connsiteY3" fmla="*/ 101268 h 5223286"/>
              <a:gd name="connsiteX4" fmla="*/ 6607104 w 10513745"/>
              <a:gd name="connsiteY4" fmla="*/ 31 h 5223286"/>
              <a:gd name="connsiteX5" fmla="*/ 10289666 w 10513745"/>
              <a:gd name="connsiteY5" fmla="*/ 3684 h 5223286"/>
              <a:gd name="connsiteX6" fmla="*/ 10513745 w 10513745"/>
              <a:gd name="connsiteY6" fmla="*/ 227725 h 5223286"/>
              <a:gd name="connsiteX7" fmla="*/ 10513745 w 10513745"/>
              <a:gd name="connsiteY7" fmla="*/ 4999245 h 5223286"/>
              <a:gd name="connsiteX8" fmla="*/ 10289666 w 10513745"/>
              <a:gd name="connsiteY8" fmla="*/ 5223286 h 5223286"/>
              <a:gd name="connsiteX9" fmla="*/ 8649651 w 10513745"/>
              <a:gd name="connsiteY9" fmla="*/ 5223286 h 5223286"/>
              <a:gd name="connsiteX10" fmla="*/ 8425571 w 10513745"/>
              <a:gd name="connsiteY10" fmla="*/ 4999245 h 5223286"/>
              <a:gd name="connsiteX11" fmla="*/ 8425571 w 10513745"/>
              <a:gd name="connsiteY11" fmla="*/ 4292293 h 5223286"/>
              <a:gd name="connsiteX12" fmla="*/ 8009349 w 10513745"/>
              <a:gd name="connsiteY12" fmla="*/ 4177005 h 5223286"/>
              <a:gd name="connsiteX13" fmla="*/ 7446780 w 10513745"/>
              <a:gd name="connsiteY13" fmla="*/ 5114480 h 5223286"/>
              <a:gd name="connsiteX14" fmla="*/ 7254637 w 10513745"/>
              <a:gd name="connsiteY14" fmla="*/ 5223233 h 5223286"/>
              <a:gd name="connsiteX15" fmla="*/ 204959 w 10513745"/>
              <a:gd name="connsiteY15" fmla="*/ 5223233 h 5223286"/>
              <a:gd name="connsiteX16" fmla="*/ 2311 w 10513745"/>
              <a:gd name="connsiteY16" fmla="*/ 4999192 h 5223286"/>
              <a:gd name="connsiteX17" fmla="*/ 2312 w 10513745"/>
              <a:gd name="connsiteY17" fmla="*/ 3771014 h 5223286"/>
              <a:gd name="connsiteX18" fmla="*/ 40426 w 10513745"/>
              <a:gd name="connsiteY18" fmla="*/ 3605613 h 5223286"/>
              <a:gd name="connsiteX19" fmla="*/ 1255175 w 10513745"/>
              <a:gd name="connsiteY19" fmla="*/ 1594475 h 5223286"/>
              <a:gd name="connsiteX20" fmla="*/ 1404915 w 10513745"/>
              <a:gd name="connsiteY20" fmla="*/ 1501747 h 5223286"/>
              <a:gd name="connsiteX0" fmla="*/ 1402798 w 10511628"/>
              <a:gd name="connsiteY0" fmla="*/ 1501747 h 5223286"/>
              <a:gd name="connsiteX1" fmla="*/ 5524221 w 10511628"/>
              <a:gd name="connsiteY1" fmla="*/ 1501379 h 5223286"/>
              <a:gd name="connsiteX2" fmla="*/ 5646179 w 10511628"/>
              <a:gd name="connsiteY2" fmla="*/ 1419322 h 5223286"/>
              <a:gd name="connsiteX3" fmla="*/ 6434631 w 10511628"/>
              <a:gd name="connsiteY3" fmla="*/ 101268 h 5223286"/>
              <a:gd name="connsiteX4" fmla="*/ 6604987 w 10511628"/>
              <a:gd name="connsiteY4" fmla="*/ 31 h 5223286"/>
              <a:gd name="connsiteX5" fmla="*/ 10287549 w 10511628"/>
              <a:gd name="connsiteY5" fmla="*/ 3684 h 5223286"/>
              <a:gd name="connsiteX6" fmla="*/ 10511628 w 10511628"/>
              <a:gd name="connsiteY6" fmla="*/ 227725 h 5223286"/>
              <a:gd name="connsiteX7" fmla="*/ 10511628 w 10511628"/>
              <a:gd name="connsiteY7" fmla="*/ 4999245 h 5223286"/>
              <a:gd name="connsiteX8" fmla="*/ 10287549 w 10511628"/>
              <a:gd name="connsiteY8" fmla="*/ 5223286 h 5223286"/>
              <a:gd name="connsiteX9" fmla="*/ 8647534 w 10511628"/>
              <a:gd name="connsiteY9" fmla="*/ 5223286 h 5223286"/>
              <a:gd name="connsiteX10" fmla="*/ 8423454 w 10511628"/>
              <a:gd name="connsiteY10" fmla="*/ 4999245 h 5223286"/>
              <a:gd name="connsiteX11" fmla="*/ 8423454 w 10511628"/>
              <a:gd name="connsiteY11" fmla="*/ 4292293 h 5223286"/>
              <a:gd name="connsiteX12" fmla="*/ 8007232 w 10511628"/>
              <a:gd name="connsiteY12" fmla="*/ 4177005 h 5223286"/>
              <a:gd name="connsiteX13" fmla="*/ 7444663 w 10511628"/>
              <a:gd name="connsiteY13" fmla="*/ 5114480 h 5223286"/>
              <a:gd name="connsiteX14" fmla="*/ 7252520 w 10511628"/>
              <a:gd name="connsiteY14" fmla="*/ 5223233 h 5223286"/>
              <a:gd name="connsiteX15" fmla="*/ 202842 w 10511628"/>
              <a:gd name="connsiteY15" fmla="*/ 5223233 h 5223286"/>
              <a:gd name="connsiteX16" fmla="*/ 194 w 10511628"/>
              <a:gd name="connsiteY16" fmla="*/ 4999192 h 5223286"/>
              <a:gd name="connsiteX17" fmla="*/ 195 w 10511628"/>
              <a:gd name="connsiteY17" fmla="*/ 3771014 h 5223286"/>
              <a:gd name="connsiteX18" fmla="*/ 38309 w 10511628"/>
              <a:gd name="connsiteY18" fmla="*/ 3605613 h 5223286"/>
              <a:gd name="connsiteX19" fmla="*/ 1253058 w 10511628"/>
              <a:gd name="connsiteY19" fmla="*/ 1594475 h 5223286"/>
              <a:gd name="connsiteX20" fmla="*/ 1402798 w 10511628"/>
              <a:gd name="connsiteY20" fmla="*/ 1501747 h 5223286"/>
              <a:gd name="connsiteX0" fmla="*/ 1402798 w 10511628"/>
              <a:gd name="connsiteY0" fmla="*/ 1501747 h 5223286"/>
              <a:gd name="connsiteX1" fmla="*/ 5524221 w 10511628"/>
              <a:gd name="connsiteY1" fmla="*/ 1501379 h 5223286"/>
              <a:gd name="connsiteX2" fmla="*/ 5646179 w 10511628"/>
              <a:gd name="connsiteY2" fmla="*/ 1419322 h 5223286"/>
              <a:gd name="connsiteX3" fmla="*/ 6434631 w 10511628"/>
              <a:gd name="connsiteY3" fmla="*/ 101268 h 5223286"/>
              <a:gd name="connsiteX4" fmla="*/ 6604987 w 10511628"/>
              <a:gd name="connsiteY4" fmla="*/ 31 h 5223286"/>
              <a:gd name="connsiteX5" fmla="*/ 10287549 w 10511628"/>
              <a:gd name="connsiteY5" fmla="*/ 3684 h 5223286"/>
              <a:gd name="connsiteX6" fmla="*/ 10511628 w 10511628"/>
              <a:gd name="connsiteY6" fmla="*/ 227725 h 5223286"/>
              <a:gd name="connsiteX7" fmla="*/ 10511628 w 10511628"/>
              <a:gd name="connsiteY7" fmla="*/ 4999245 h 5223286"/>
              <a:gd name="connsiteX8" fmla="*/ 10287549 w 10511628"/>
              <a:gd name="connsiteY8" fmla="*/ 5223286 h 5223286"/>
              <a:gd name="connsiteX9" fmla="*/ 8647534 w 10511628"/>
              <a:gd name="connsiteY9" fmla="*/ 5223286 h 5223286"/>
              <a:gd name="connsiteX10" fmla="*/ 8423454 w 10511628"/>
              <a:gd name="connsiteY10" fmla="*/ 4999245 h 5223286"/>
              <a:gd name="connsiteX11" fmla="*/ 8423454 w 10511628"/>
              <a:gd name="connsiteY11" fmla="*/ 4292293 h 5223286"/>
              <a:gd name="connsiteX12" fmla="*/ 8007232 w 10511628"/>
              <a:gd name="connsiteY12" fmla="*/ 4177005 h 5223286"/>
              <a:gd name="connsiteX13" fmla="*/ 7444663 w 10511628"/>
              <a:gd name="connsiteY13" fmla="*/ 5114480 h 5223286"/>
              <a:gd name="connsiteX14" fmla="*/ 7252520 w 10511628"/>
              <a:gd name="connsiteY14" fmla="*/ 5223233 h 5223286"/>
              <a:gd name="connsiteX15" fmla="*/ 202842 w 10511628"/>
              <a:gd name="connsiteY15" fmla="*/ 5223233 h 5223286"/>
              <a:gd name="connsiteX16" fmla="*/ 194 w 10511628"/>
              <a:gd name="connsiteY16" fmla="*/ 4999192 h 5223286"/>
              <a:gd name="connsiteX17" fmla="*/ 195 w 10511628"/>
              <a:gd name="connsiteY17" fmla="*/ 3771014 h 5223286"/>
              <a:gd name="connsiteX18" fmla="*/ 38309 w 10511628"/>
              <a:gd name="connsiteY18" fmla="*/ 3605613 h 5223286"/>
              <a:gd name="connsiteX19" fmla="*/ 1253058 w 10511628"/>
              <a:gd name="connsiteY19" fmla="*/ 1594475 h 5223286"/>
              <a:gd name="connsiteX20" fmla="*/ 1402798 w 10511628"/>
              <a:gd name="connsiteY20" fmla="*/ 1501747 h 5223286"/>
              <a:gd name="connsiteX0" fmla="*/ 1402798 w 10511628"/>
              <a:gd name="connsiteY0" fmla="*/ 1501747 h 5223286"/>
              <a:gd name="connsiteX1" fmla="*/ 5524221 w 10511628"/>
              <a:gd name="connsiteY1" fmla="*/ 1501379 h 5223286"/>
              <a:gd name="connsiteX2" fmla="*/ 5646179 w 10511628"/>
              <a:gd name="connsiteY2" fmla="*/ 1419322 h 5223286"/>
              <a:gd name="connsiteX3" fmla="*/ 6434631 w 10511628"/>
              <a:gd name="connsiteY3" fmla="*/ 101268 h 5223286"/>
              <a:gd name="connsiteX4" fmla="*/ 6604987 w 10511628"/>
              <a:gd name="connsiteY4" fmla="*/ 31 h 5223286"/>
              <a:gd name="connsiteX5" fmla="*/ 10287549 w 10511628"/>
              <a:gd name="connsiteY5" fmla="*/ 3684 h 5223286"/>
              <a:gd name="connsiteX6" fmla="*/ 10511628 w 10511628"/>
              <a:gd name="connsiteY6" fmla="*/ 227725 h 5223286"/>
              <a:gd name="connsiteX7" fmla="*/ 10511628 w 10511628"/>
              <a:gd name="connsiteY7" fmla="*/ 4999245 h 5223286"/>
              <a:gd name="connsiteX8" fmla="*/ 10287549 w 10511628"/>
              <a:gd name="connsiteY8" fmla="*/ 5223286 h 5223286"/>
              <a:gd name="connsiteX9" fmla="*/ 8647534 w 10511628"/>
              <a:gd name="connsiteY9" fmla="*/ 5223286 h 5223286"/>
              <a:gd name="connsiteX10" fmla="*/ 8423454 w 10511628"/>
              <a:gd name="connsiteY10" fmla="*/ 4999245 h 5223286"/>
              <a:gd name="connsiteX11" fmla="*/ 8423454 w 10511628"/>
              <a:gd name="connsiteY11" fmla="*/ 4292293 h 5223286"/>
              <a:gd name="connsiteX12" fmla="*/ 8007232 w 10511628"/>
              <a:gd name="connsiteY12" fmla="*/ 4177005 h 5223286"/>
              <a:gd name="connsiteX13" fmla="*/ 7444663 w 10511628"/>
              <a:gd name="connsiteY13" fmla="*/ 5114480 h 5223286"/>
              <a:gd name="connsiteX14" fmla="*/ 7252520 w 10511628"/>
              <a:gd name="connsiteY14" fmla="*/ 5223233 h 5223286"/>
              <a:gd name="connsiteX15" fmla="*/ 202842 w 10511628"/>
              <a:gd name="connsiteY15" fmla="*/ 5223233 h 5223286"/>
              <a:gd name="connsiteX16" fmla="*/ 194 w 10511628"/>
              <a:gd name="connsiteY16" fmla="*/ 4999192 h 5223286"/>
              <a:gd name="connsiteX17" fmla="*/ 195 w 10511628"/>
              <a:gd name="connsiteY17" fmla="*/ 3771014 h 5223286"/>
              <a:gd name="connsiteX18" fmla="*/ 38309 w 10511628"/>
              <a:gd name="connsiteY18" fmla="*/ 3605613 h 5223286"/>
              <a:gd name="connsiteX19" fmla="*/ 1253058 w 10511628"/>
              <a:gd name="connsiteY19" fmla="*/ 1594475 h 5223286"/>
              <a:gd name="connsiteX20" fmla="*/ 1402798 w 10511628"/>
              <a:gd name="connsiteY20" fmla="*/ 1501747 h 5223286"/>
              <a:gd name="connsiteX0" fmla="*/ 1405878 w 10514708"/>
              <a:gd name="connsiteY0" fmla="*/ 1501747 h 5223286"/>
              <a:gd name="connsiteX1" fmla="*/ 5527301 w 10514708"/>
              <a:gd name="connsiteY1" fmla="*/ 1501379 h 5223286"/>
              <a:gd name="connsiteX2" fmla="*/ 5649259 w 10514708"/>
              <a:gd name="connsiteY2" fmla="*/ 1419322 h 5223286"/>
              <a:gd name="connsiteX3" fmla="*/ 6437711 w 10514708"/>
              <a:gd name="connsiteY3" fmla="*/ 101268 h 5223286"/>
              <a:gd name="connsiteX4" fmla="*/ 6608067 w 10514708"/>
              <a:gd name="connsiteY4" fmla="*/ 31 h 5223286"/>
              <a:gd name="connsiteX5" fmla="*/ 10290629 w 10514708"/>
              <a:gd name="connsiteY5" fmla="*/ 3684 h 5223286"/>
              <a:gd name="connsiteX6" fmla="*/ 10514708 w 10514708"/>
              <a:gd name="connsiteY6" fmla="*/ 227725 h 5223286"/>
              <a:gd name="connsiteX7" fmla="*/ 10514708 w 10514708"/>
              <a:gd name="connsiteY7" fmla="*/ 4999245 h 5223286"/>
              <a:gd name="connsiteX8" fmla="*/ 10290629 w 10514708"/>
              <a:gd name="connsiteY8" fmla="*/ 5223286 h 5223286"/>
              <a:gd name="connsiteX9" fmla="*/ 8650614 w 10514708"/>
              <a:gd name="connsiteY9" fmla="*/ 5223286 h 5223286"/>
              <a:gd name="connsiteX10" fmla="*/ 8426534 w 10514708"/>
              <a:gd name="connsiteY10" fmla="*/ 4999245 h 5223286"/>
              <a:gd name="connsiteX11" fmla="*/ 8426534 w 10514708"/>
              <a:gd name="connsiteY11" fmla="*/ 4292293 h 5223286"/>
              <a:gd name="connsiteX12" fmla="*/ 8010312 w 10514708"/>
              <a:gd name="connsiteY12" fmla="*/ 4177005 h 5223286"/>
              <a:gd name="connsiteX13" fmla="*/ 7447743 w 10514708"/>
              <a:gd name="connsiteY13" fmla="*/ 5114480 h 5223286"/>
              <a:gd name="connsiteX14" fmla="*/ 7255600 w 10514708"/>
              <a:gd name="connsiteY14" fmla="*/ 5223233 h 5223286"/>
              <a:gd name="connsiteX15" fmla="*/ 205922 w 10514708"/>
              <a:gd name="connsiteY15" fmla="*/ 5223233 h 5223286"/>
              <a:gd name="connsiteX16" fmla="*/ 3274 w 10514708"/>
              <a:gd name="connsiteY16" fmla="*/ 4999192 h 5223286"/>
              <a:gd name="connsiteX17" fmla="*/ 3275 w 10514708"/>
              <a:gd name="connsiteY17" fmla="*/ 3771014 h 5223286"/>
              <a:gd name="connsiteX18" fmla="*/ 46151 w 10514708"/>
              <a:gd name="connsiteY18" fmla="*/ 3400825 h 5223286"/>
              <a:gd name="connsiteX19" fmla="*/ 1256138 w 10514708"/>
              <a:gd name="connsiteY19" fmla="*/ 1594475 h 5223286"/>
              <a:gd name="connsiteX20" fmla="*/ 1405878 w 10514708"/>
              <a:gd name="connsiteY20" fmla="*/ 1501747 h 5223286"/>
              <a:gd name="connsiteX0" fmla="*/ 1407714 w 10516544"/>
              <a:gd name="connsiteY0" fmla="*/ 1501747 h 5223286"/>
              <a:gd name="connsiteX1" fmla="*/ 5529137 w 10516544"/>
              <a:gd name="connsiteY1" fmla="*/ 1501379 h 5223286"/>
              <a:gd name="connsiteX2" fmla="*/ 5651095 w 10516544"/>
              <a:gd name="connsiteY2" fmla="*/ 1419322 h 5223286"/>
              <a:gd name="connsiteX3" fmla="*/ 6439547 w 10516544"/>
              <a:gd name="connsiteY3" fmla="*/ 101268 h 5223286"/>
              <a:gd name="connsiteX4" fmla="*/ 6609903 w 10516544"/>
              <a:gd name="connsiteY4" fmla="*/ 31 h 5223286"/>
              <a:gd name="connsiteX5" fmla="*/ 10292465 w 10516544"/>
              <a:gd name="connsiteY5" fmla="*/ 3684 h 5223286"/>
              <a:gd name="connsiteX6" fmla="*/ 10516544 w 10516544"/>
              <a:gd name="connsiteY6" fmla="*/ 227725 h 5223286"/>
              <a:gd name="connsiteX7" fmla="*/ 10516544 w 10516544"/>
              <a:gd name="connsiteY7" fmla="*/ 4999245 h 5223286"/>
              <a:gd name="connsiteX8" fmla="*/ 10292465 w 10516544"/>
              <a:gd name="connsiteY8" fmla="*/ 5223286 h 5223286"/>
              <a:gd name="connsiteX9" fmla="*/ 8652450 w 10516544"/>
              <a:gd name="connsiteY9" fmla="*/ 5223286 h 5223286"/>
              <a:gd name="connsiteX10" fmla="*/ 8428370 w 10516544"/>
              <a:gd name="connsiteY10" fmla="*/ 4999245 h 5223286"/>
              <a:gd name="connsiteX11" fmla="*/ 8428370 w 10516544"/>
              <a:gd name="connsiteY11" fmla="*/ 4292293 h 5223286"/>
              <a:gd name="connsiteX12" fmla="*/ 8012148 w 10516544"/>
              <a:gd name="connsiteY12" fmla="*/ 4177005 h 5223286"/>
              <a:gd name="connsiteX13" fmla="*/ 7449579 w 10516544"/>
              <a:gd name="connsiteY13" fmla="*/ 5114480 h 5223286"/>
              <a:gd name="connsiteX14" fmla="*/ 7257436 w 10516544"/>
              <a:gd name="connsiteY14" fmla="*/ 5223233 h 5223286"/>
              <a:gd name="connsiteX15" fmla="*/ 207758 w 10516544"/>
              <a:gd name="connsiteY15" fmla="*/ 5223233 h 5223286"/>
              <a:gd name="connsiteX16" fmla="*/ 5110 w 10516544"/>
              <a:gd name="connsiteY16" fmla="*/ 4999192 h 5223286"/>
              <a:gd name="connsiteX17" fmla="*/ 2730 w 10516544"/>
              <a:gd name="connsiteY17" fmla="*/ 3540033 h 5223286"/>
              <a:gd name="connsiteX18" fmla="*/ 47987 w 10516544"/>
              <a:gd name="connsiteY18" fmla="*/ 3400825 h 5223286"/>
              <a:gd name="connsiteX19" fmla="*/ 1257974 w 10516544"/>
              <a:gd name="connsiteY19" fmla="*/ 1594475 h 5223286"/>
              <a:gd name="connsiteX20" fmla="*/ 1407714 w 10516544"/>
              <a:gd name="connsiteY20" fmla="*/ 1501747 h 5223286"/>
              <a:gd name="connsiteX0" fmla="*/ 1407714 w 10516544"/>
              <a:gd name="connsiteY0" fmla="*/ 1501747 h 5223286"/>
              <a:gd name="connsiteX1" fmla="*/ 5529137 w 10516544"/>
              <a:gd name="connsiteY1" fmla="*/ 1501379 h 5223286"/>
              <a:gd name="connsiteX2" fmla="*/ 5651095 w 10516544"/>
              <a:gd name="connsiteY2" fmla="*/ 1419322 h 5223286"/>
              <a:gd name="connsiteX3" fmla="*/ 6439547 w 10516544"/>
              <a:gd name="connsiteY3" fmla="*/ 101268 h 5223286"/>
              <a:gd name="connsiteX4" fmla="*/ 6609903 w 10516544"/>
              <a:gd name="connsiteY4" fmla="*/ 31 h 5223286"/>
              <a:gd name="connsiteX5" fmla="*/ 10292465 w 10516544"/>
              <a:gd name="connsiteY5" fmla="*/ 3684 h 5223286"/>
              <a:gd name="connsiteX6" fmla="*/ 10516544 w 10516544"/>
              <a:gd name="connsiteY6" fmla="*/ 227725 h 5223286"/>
              <a:gd name="connsiteX7" fmla="*/ 10516544 w 10516544"/>
              <a:gd name="connsiteY7" fmla="*/ 4999245 h 5223286"/>
              <a:gd name="connsiteX8" fmla="*/ 10292465 w 10516544"/>
              <a:gd name="connsiteY8" fmla="*/ 5223286 h 5223286"/>
              <a:gd name="connsiteX9" fmla="*/ 8652450 w 10516544"/>
              <a:gd name="connsiteY9" fmla="*/ 5223286 h 5223286"/>
              <a:gd name="connsiteX10" fmla="*/ 8428370 w 10516544"/>
              <a:gd name="connsiteY10" fmla="*/ 4999245 h 5223286"/>
              <a:gd name="connsiteX11" fmla="*/ 8428370 w 10516544"/>
              <a:gd name="connsiteY11" fmla="*/ 4292293 h 5223286"/>
              <a:gd name="connsiteX12" fmla="*/ 8012148 w 10516544"/>
              <a:gd name="connsiteY12" fmla="*/ 4177005 h 5223286"/>
              <a:gd name="connsiteX13" fmla="*/ 7449579 w 10516544"/>
              <a:gd name="connsiteY13" fmla="*/ 5114480 h 5223286"/>
              <a:gd name="connsiteX14" fmla="*/ 7257436 w 10516544"/>
              <a:gd name="connsiteY14" fmla="*/ 5223233 h 5223286"/>
              <a:gd name="connsiteX15" fmla="*/ 207758 w 10516544"/>
              <a:gd name="connsiteY15" fmla="*/ 5223233 h 5223286"/>
              <a:gd name="connsiteX16" fmla="*/ 5110 w 10516544"/>
              <a:gd name="connsiteY16" fmla="*/ 4999192 h 5223286"/>
              <a:gd name="connsiteX17" fmla="*/ 2730 w 10516544"/>
              <a:gd name="connsiteY17" fmla="*/ 3540033 h 5223286"/>
              <a:gd name="connsiteX18" fmla="*/ 47987 w 10516544"/>
              <a:gd name="connsiteY18" fmla="*/ 3400825 h 5223286"/>
              <a:gd name="connsiteX19" fmla="*/ 1257974 w 10516544"/>
              <a:gd name="connsiteY19" fmla="*/ 1594475 h 5223286"/>
              <a:gd name="connsiteX20" fmla="*/ 1407714 w 10516544"/>
              <a:gd name="connsiteY20" fmla="*/ 1501747 h 5223286"/>
              <a:gd name="connsiteX0" fmla="*/ 1405697 w 10514527"/>
              <a:gd name="connsiteY0" fmla="*/ 1501747 h 5223286"/>
              <a:gd name="connsiteX1" fmla="*/ 5527120 w 10514527"/>
              <a:gd name="connsiteY1" fmla="*/ 1501379 h 5223286"/>
              <a:gd name="connsiteX2" fmla="*/ 5649078 w 10514527"/>
              <a:gd name="connsiteY2" fmla="*/ 1419322 h 5223286"/>
              <a:gd name="connsiteX3" fmla="*/ 6437530 w 10514527"/>
              <a:gd name="connsiteY3" fmla="*/ 101268 h 5223286"/>
              <a:gd name="connsiteX4" fmla="*/ 6607886 w 10514527"/>
              <a:gd name="connsiteY4" fmla="*/ 31 h 5223286"/>
              <a:gd name="connsiteX5" fmla="*/ 10290448 w 10514527"/>
              <a:gd name="connsiteY5" fmla="*/ 3684 h 5223286"/>
              <a:gd name="connsiteX6" fmla="*/ 10514527 w 10514527"/>
              <a:gd name="connsiteY6" fmla="*/ 227725 h 5223286"/>
              <a:gd name="connsiteX7" fmla="*/ 10514527 w 10514527"/>
              <a:gd name="connsiteY7" fmla="*/ 4999245 h 5223286"/>
              <a:gd name="connsiteX8" fmla="*/ 10290448 w 10514527"/>
              <a:gd name="connsiteY8" fmla="*/ 5223286 h 5223286"/>
              <a:gd name="connsiteX9" fmla="*/ 8650433 w 10514527"/>
              <a:gd name="connsiteY9" fmla="*/ 5223286 h 5223286"/>
              <a:gd name="connsiteX10" fmla="*/ 8426353 w 10514527"/>
              <a:gd name="connsiteY10" fmla="*/ 4999245 h 5223286"/>
              <a:gd name="connsiteX11" fmla="*/ 8426353 w 10514527"/>
              <a:gd name="connsiteY11" fmla="*/ 4292293 h 5223286"/>
              <a:gd name="connsiteX12" fmla="*/ 8010131 w 10514527"/>
              <a:gd name="connsiteY12" fmla="*/ 4177005 h 5223286"/>
              <a:gd name="connsiteX13" fmla="*/ 7447562 w 10514527"/>
              <a:gd name="connsiteY13" fmla="*/ 5114480 h 5223286"/>
              <a:gd name="connsiteX14" fmla="*/ 7255419 w 10514527"/>
              <a:gd name="connsiteY14" fmla="*/ 5223233 h 5223286"/>
              <a:gd name="connsiteX15" fmla="*/ 205741 w 10514527"/>
              <a:gd name="connsiteY15" fmla="*/ 5223233 h 5223286"/>
              <a:gd name="connsiteX16" fmla="*/ 3093 w 10514527"/>
              <a:gd name="connsiteY16" fmla="*/ 4999192 h 5223286"/>
              <a:gd name="connsiteX17" fmla="*/ 713 w 10514527"/>
              <a:gd name="connsiteY17" fmla="*/ 3540033 h 5223286"/>
              <a:gd name="connsiteX18" fmla="*/ 45970 w 10514527"/>
              <a:gd name="connsiteY18" fmla="*/ 3400825 h 5223286"/>
              <a:gd name="connsiteX19" fmla="*/ 1255957 w 10514527"/>
              <a:gd name="connsiteY19" fmla="*/ 1594475 h 5223286"/>
              <a:gd name="connsiteX20" fmla="*/ 1405697 w 10514527"/>
              <a:gd name="connsiteY20" fmla="*/ 1501747 h 5223286"/>
              <a:gd name="connsiteX0" fmla="*/ 1405697 w 10514527"/>
              <a:gd name="connsiteY0" fmla="*/ 1501747 h 5223286"/>
              <a:gd name="connsiteX1" fmla="*/ 5527120 w 10514527"/>
              <a:gd name="connsiteY1" fmla="*/ 1501379 h 5223286"/>
              <a:gd name="connsiteX2" fmla="*/ 5649078 w 10514527"/>
              <a:gd name="connsiteY2" fmla="*/ 1419322 h 5223286"/>
              <a:gd name="connsiteX3" fmla="*/ 6437530 w 10514527"/>
              <a:gd name="connsiteY3" fmla="*/ 101268 h 5223286"/>
              <a:gd name="connsiteX4" fmla="*/ 6607886 w 10514527"/>
              <a:gd name="connsiteY4" fmla="*/ 31 h 5223286"/>
              <a:gd name="connsiteX5" fmla="*/ 10290448 w 10514527"/>
              <a:gd name="connsiteY5" fmla="*/ 3684 h 5223286"/>
              <a:gd name="connsiteX6" fmla="*/ 10514527 w 10514527"/>
              <a:gd name="connsiteY6" fmla="*/ 227725 h 5223286"/>
              <a:gd name="connsiteX7" fmla="*/ 10514527 w 10514527"/>
              <a:gd name="connsiteY7" fmla="*/ 4999245 h 5223286"/>
              <a:gd name="connsiteX8" fmla="*/ 10290448 w 10514527"/>
              <a:gd name="connsiteY8" fmla="*/ 5223286 h 5223286"/>
              <a:gd name="connsiteX9" fmla="*/ 8650433 w 10514527"/>
              <a:gd name="connsiteY9" fmla="*/ 5223286 h 5223286"/>
              <a:gd name="connsiteX10" fmla="*/ 8426353 w 10514527"/>
              <a:gd name="connsiteY10" fmla="*/ 4999245 h 5223286"/>
              <a:gd name="connsiteX11" fmla="*/ 8426353 w 10514527"/>
              <a:gd name="connsiteY11" fmla="*/ 4292293 h 5223286"/>
              <a:gd name="connsiteX12" fmla="*/ 8010131 w 10514527"/>
              <a:gd name="connsiteY12" fmla="*/ 4177005 h 5223286"/>
              <a:gd name="connsiteX13" fmla="*/ 7447562 w 10514527"/>
              <a:gd name="connsiteY13" fmla="*/ 5114480 h 5223286"/>
              <a:gd name="connsiteX14" fmla="*/ 7255419 w 10514527"/>
              <a:gd name="connsiteY14" fmla="*/ 5223233 h 5223286"/>
              <a:gd name="connsiteX15" fmla="*/ 205741 w 10514527"/>
              <a:gd name="connsiteY15" fmla="*/ 5223233 h 5223286"/>
              <a:gd name="connsiteX16" fmla="*/ 3093 w 10514527"/>
              <a:gd name="connsiteY16" fmla="*/ 4999192 h 5223286"/>
              <a:gd name="connsiteX17" fmla="*/ 713 w 10514527"/>
              <a:gd name="connsiteY17" fmla="*/ 3568608 h 5223286"/>
              <a:gd name="connsiteX18" fmla="*/ 45970 w 10514527"/>
              <a:gd name="connsiteY18" fmla="*/ 3400825 h 5223286"/>
              <a:gd name="connsiteX19" fmla="*/ 1255957 w 10514527"/>
              <a:gd name="connsiteY19" fmla="*/ 1594475 h 5223286"/>
              <a:gd name="connsiteX20" fmla="*/ 1405697 w 10514527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44039 w 10512596"/>
              <a:gd name="connsiteY18" fmla="*/ 3400825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994469 w 10512596"/>
              <a:gd name="connsiteY19" fmla="*/ 1818312 h 5223286"/>
              <a:gd name="connsiteX20" fmla="*/ 1403766 w 10512596"/>
              <a:gd name="connsiteY20" fmla="*/ 1501747 h 5223286"/>
              <a:gd name="connsiteX0" fmla="*/ 1160879 w 10512596"/>
              <a:gd name="connsiteY0" fmla="*/ 1735110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994469 w 10512596"/>
              <a:gd name="connsiteY19" fmla="*/ 1818312 h 5223286"/>
              <a:gd name="connsiteX20" fmla="*/ 1160879 w 10512596"/>
              <a:gd name="connsiteY20" fmla="*/ 1735110 h 5223286"/>
              <a:gd name="connsiteX0" fmla="*/ 1160879 w 10512596"/>
              <a:gd name="connsiteY0" fmla="*/ 1735110 h 5223286"/>
              <a:gd name="connsiteX1" fmla="*/ 5101326 w 10512596"/>
              <a:gd name="connsiteY1" fmla="*/ 17299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994469 w 10512596"/>
              <a:gd name="connsiteY19" fmla="*/ 1818312 h 5223286"/>
              <a:gd name="connsiteX20" fmla="*/ 1160879 w 10512596"/>
              <a:gd name="connsiteY20" fmla="*/ 1735110 h 5223286"/>
              <a:gd name="connsiteX0" fmla="*/ 1160879 w 10512596"/>
              <a:gd name="connsiteY0" fmla="*/ 1735110 h 5223286"/>
              <a:gd name="connsiteX1" fmla="*/ 5101326 w 10512596"/>
              <a:gd name="connsiteY1" fmla="*/ 1729979 h 5223286"/>
              <a:gd name="connsiteX2" fmla="*/ 5332822 w 10512596"/>
              <a:gd name="connsiteY2" fmla="*/ 1497904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994469 w 10512596"/>
              <a:gd name="connsiteY19" fmla="*/ 1818312 h 5223286"/>
              <a:gd name="connsiteX20" fmla="*/ 1160879 w 10512596"/>
              <a:gd name="connsiteY20" fmla="*/ 1735110 h 5223286"/>
              <a:gd name="connsiteX0" fmla="*/ 1160879 w 10512596"/>
              <a:gd name="connsiteY0" fmla="*/ 1735110 h 5223286"/>
              <a:gd name="connsiteX1" fmla="*/ 5101326 w 10512596"/>
              <a:gd name="connsiteY1" fmla="*/ 1729979 h 5223286"/>
              <a:gd name="connsiteX2" fmla="*/ 5268528 w 10512596"/>
              <a:gd name="connsiteY2" fmla="*/ 1640779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994469 w 10512596"/>
              <a:gd name="connsiteY19" fmla="*/ 1818312 h 5223286"/>
              <a:gd name="connsiteX20" fmla="*/ 1160879 w 10512596"/>
              <a:gd name="connsiteY20" fmla="*/ 1735110 h 5223286"/>
              <a:gd name="connsiteX0" fmla="*/ 1160879 w 10512596"/>
              <a:gd name="connsiteY0" fmla="*/ 1735161 h 5223337"/>
              <a:gd name="connsiteX1" fmla="*/ 5101326 w 10512596"/>
              <a:gd name="connsiteY1" fmla="*/ 1730030 h 5223337"/>
              <a:gd name="connsiteX2" fmla="*/ 5268528 w 10512596"/>
              <a:gd name="connsiteY2" fmla="*/ 1640830 h 5223337"/>
              <a:gd name="connsiteX3" fmla="*/ 6214142 w 10512596"/>
              <a:gd name="connsiteY3" fmla="*/ 79887 h 5223337"/>
              <a:gd name="connsiteX4" fmla="*/ 6605955 w 10512596"/>
              <a:gd name="connsiteY4" fmla="*/ 82 h 5223337"/>
              <a:gd name="connsiteX5" fmla="*/ 10288517 w 10512596"/>
              <a:gd name="connsiteY5" fmla="*/ 3735 h 5223337"/>
              <a:gd name="connsiteX6" fmla="*/ 10512596 w 10512596"/>
              <a:gd name="connsiteY6" fmla="*/ 227776 h 5223337"/>
              <a:gd name="connsiteX7" fmla="*/ 10512596 w 10512596"/>
              <a:gd name="connsiteY7" fmla="*/ 4999296 h 5223337"/>
              <a:gd name="connsiteX8" fmla="*/ 10288517 w 10512596"/>
              <a:gd name="connsiteY8" fmla="*/ 5223337 h 5223337"/>
              <a:gd name="connsiteX9" fmla="*/ 8648502 w 10512596"/>
              <a:gd name="connsiteY9" fmla="*/ 5223337 h 5223337"/>
              <a:gd name="connsiteX10" fmla="*/ 8424422 w 10512596"/>
              <a:gd name="connsiteY10" fmla="*/ 4999296 h 5223337"/>
              <a:gd name="connsiteX11" fmla="*/ 8424422 w 10512596"/>
              <a:gd name="connsiteY11" fmla="*/ 4292344 h 5223337"/>
              <a:gd name="connsiteX12" fmla="*/ 8008200 w 10512596"/>
              <a:gd name="connsiteY12" fmla="*/ 4177056 h 5223337"/>
              <a:gd name="connsiteX13" fmla="*/ 7445631 w 10512596"/>
              <a:gd name="connsiteY13" fmla="*/ 5114531 h 5223337"/>
              <a:gd name="connsiteX14" fmla="*/ 7253488 w 10512596"/>
              <a:gd name="connsiteY14" fmla="*/ 5223284 h 5223337"/>
              <a:gd name="connsiteX15" fmla="*/ 203810 w 10512596"/>
              <a:gd name="connsiteY15" fmla="*/ 5223284 h 5223337"/>
              <a:gd name="connsiteX16" fmla="*/ 1162 w 10512596"/>
              <a:gd name="connsiteY16" fmla="*/ 4999243 h 5223337"/>
              <a:gd name="connsiteX17" fmla="*/ 1164 w 10512596"/>
              <a:gd name="connsiteY17" fmla="*/ 3559134 h 5223337"/>
              <a:gd name="connsiteX18" fmla="*/ 67852 w 10512596"/>
              <a:gd name="connsiteY18" fmla="*/ 3358014 h 5223337"/>
              <a:gd name="connsiteX19" fmla="*/ 994469 w 10512596"/>
              <a:gd name="connsiteY19" fmla="*/ 1818363 h 5223337"/>
              <a:gd name="connsiteX20" fmla="*/ 1160879 w 10512596"/>
              <a:gd name="connsiteY20" fmla="*/ 1735161 h 5223337"/>
              <a:gd name="connsiteX0" fmla="*/ 1160879 w 10512596"/>
              <a:gd name="connsiteY0" fmla="*/ 1742276 h 5230452"/>
              <a:gd name="connsiteX1" fmla="*/ 5101326 w 10512596"/>
              <a:gd name="connsiteY1" fmla="*/ 1737145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94469 w 10512596"/>
              <a:gd name="connsiteY19" fmla="*/ 1825478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94469 w 10512596"/>
              <a:gd name="connsiteY19" fmla="*/ 1825478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94469 w 10512596"/>
              <a:gd name="connsiteY19" fmla="*/ 1825478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94469 w 10512596"/>
              <a:gd name="connsiteY19" fmla="*/ 1825478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60879 w 10512596"/>
              <a:gd name="connsiteY20" fmla="*/ 1742276 h 5230452"/>
              <a:gd name="connsiteX0" fmla="*/ 1182310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82310 w 10512596"/>
              <a:gd name="connsiteY20" fmla="*/ 1742276 h 5230452"/>
              <a:gd name="connsiteX0" fmla="*/ 1182310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82310 w 10512596"/>
              <a:gd name="connsiteY20" fmla="*/ 1742276 h 5230452"/>
              <a:gd name="connsiteX0" fmla="*/ 1182310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82310 w 10512596"/>
              <a:gd name="connsiteY20" fmla="*/ 1742276 h 5230452"/>
              <a:gd name="connsiteX0" fmla="*/ 1182310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82310 w 10512596"/>
              <a:gd name="connsiteY20" fmla="*/ 1742276 h 5230452"/>
              <a:gd name="connsiteX0" fmla="*/ 1182310 w 10512596"/>
              <a:gd name="connsiteY0" fmla="*/ 1742276 h 5230452"/>
              <a:gd name="connsiteX1" fmla="*/ 5101326 w 10512596"/>
              <a:gd name="connsiteY1" fmla="*/ 1744289 h 5230452"/>
              <a:gd name="connsiteX2" fmla="*/ 5278053 w 10512596"/>
              <a:gd name="connsiteY2" fmla="*/ 1640801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82310 w 10512596"/>
              <a:gd name="connsiteY20" fmla="*/ 1742276 h 5230452"/>
              <a:gd name="connsiteX0" fmla="*/ 1182310 w 10512596"/>
              <a:gd name="connsiteY0" fmla="*/ 1739904 h 5228080"/>
              <a:gd name="connsiteX1" fmla="*/ 5101326 w 10512596"/>
              <a:gd name="connsiteY1" fmla="*/ 1741917 h 5228080"/>
              <a:gd name="connsiteX2" fmla="*/ 5278053 w 10512596"/>
              <a:gd name="connsiteY2" fmla="*/ 1638429 h 5228080"/>
              <a:gd name="connsiteX3" fmla="*/ 6214142 w 10512596"/>
              <a:gd name="connsiteY3" fmla="*/ 84630 h 5228080"/>
              <a:gd name="connsiteX4" fmla="*/ 6405930 w 10512596"/>
              <a:gd name="connsiteY4" fmla="*/ 62 h 5228080"/>
              <a:gd name="connsiteX5" fmla="*/ 10288517 w 10512596"/>
              <a:gd name="connsiteY5" fmla="*/ 8478 h 5228080"/>
              <a:gd name="connsiteX6" fmla="*/ 10512596 w 10512596"/>
              <a:gd name="connsiteY6" fmla="*/ 232519 h 5228080"/>
              <a:gd name="connsiteX7" fmla="*/ 10512596 w 10512596"/>
              <a:gd name="connsiteY7" fmla="*/ 5004039 h 5228080"/>
              <a:gd name="connsiteX8" fmla="*/ 10288517 w 10512596"/>
              <a:gd name="connsiteY8" fmla="*/ 5228080 h 5228080"/>
              <a:gd name="connsiteX9" fmla="*/ 8648502 w 10512596"/>
              <a:gd name="connsiteY9" fmla="*/ 5228080 h 5228080"/>
              <a:gd name="connsiteX10" fmla="*/ 8424422 w 10512596"/>
              <a:gd name="connsiteY10" fmla="*/ 5004039 h 5228080"/>
              <a:gd name="connsiteX11" fmla="*/ 8424422 w 10512596"/>
              <a:gd name="connsiteY11" fmla="*/ 4297087 h 5228080"/>
              <a:gd name="connsiteX12" fmla="*/ 8008200 w 10512596"/>
              <a:gd name="connsiteY12" fmla="*/ 4181799 h 5228080"/>
              <a:gd name="connsiteX13" fmla="*/ 7445631 w 10512596"/>
              <a:gd name="connsiteY13" fmla="*/ 5119274 h 5228080"/>
              <a:gd name="connsiteX14" fmla="*/ 7253488 w 10512596"/>
              <a:gd name="connsiteY14" fmla="*/ 5228027 h 5228080"/>
              <a:gd name="connsiteX15" fmla="*/ 203810 w 10512596"/>
              <a:gd name="connsiteY15" fmla="*/ 5228027 h 5228080"/>
              <a:gd name="connsiteX16" fmla="*/ 1162 w 10512596"/>
              <a:gd name="connsiteY16" fmla="*/ 5003986 h 5228080"/>
              <a:gd name="connsiteX17" fmla="*/ 1164 w 10512596"/>
              <a:gd name="connsiteY17" fmla="*/ 3563877 h 5228080"/>
              <a:gd name="connsiteX18" fmla="*/ 67852 w 10512596"/>
              <a:gd name="connsiteY18" fmla="*/ 3362757 h 5228080"/>
              <a:gd name="connsiteX19" fmla="*/ 982563 w 10512596"/>
              <a:gd name="connsiteY19" fmla="*/ 1846918 h 5228080"/>
              <a:gd name="connsiteX20" fmla="*/ 1182310 w 10512596"/>
              <a:gd name="connsiteY20" fmla="*/ 1739904 h 5228080"/>
              <a:gd name="connsiteX0" fmla="*/ 1182310 w 10512596"/>
              <a:gd name="connsiteY0" fmla="*/ 1732798 h 5220974"/>
              <a:gd name="connsiteX1" fmla="*/ 5101326 w 10512596"/>
              <a:gd name="connsiteY1" fmla="*/ 1734811 h 5220974"/>
              <a:gd name="connsiteX2" fmla="*/ 5278053 w 10512596"/>
              <a:gd name="connsiteY2" fmla="*/ 1631323 h 5220974"/>
              <a:gd name="connsiteX3" fmla="*/ 6214142 w 10512596"/>
              <a:gd name="connsiteY3" fmla="*/ 77524 h 5220974"/>
              <a:gd name="connsiteX4" fmla="*/ 6398786 w 10512596"/>
              <a:gd name="connsiteY4" fmla="*/ 100 h 5220974"/>
              <a:gd name="connsiteX5" fmla="*/ 10288517 w 10512596"/>
              <a:gd name="connsiteY5" fmla="*/ 1372 h 5220974"/>
              <a:gd name="connsiteX6" fmla="*/ 10512596 w 10512596"/>
              <a:gd name="connsiteY6" fmla="*/ 225413 h 5220974"/>
              <a:gd name="connsiteX7" fmla="*/ 10512596 w 10512596"/>
              <a:gd name="connsiteY7" fmla="*/ 4996933 h 5220974"/>
              <a:gd name="connsiteX8" fmla="*/ 10288517 w 10512596"/>
              <a:gd name="connsiteY8" fmla="*/ 5220974 h 5220974"/>
              <a:gd name="connsiteX9" fmla="*/ 8648502 w 10512596"/>
              <a:gd name="connsiteY9" fmla="*/ 5220974 h 5220974"/>
              <a:gd name="connsiteX10" fmla="*/ 8424422 w 10512596"/>
              <a:gd name="connsiteY10" fmla="*/ 4996933 h 5220974"/>
              <a:gd name="connsiteX11" fmla="*/ 8424422 w 10512596"/>
              <a:gd name="connsiteY11" fmla="*/ 4289981 h 5220974"/>
              <a:gd name="connsiteX12" fmla="*/ 8008200 w 10512596"/>
              <a:gd name="connsiteY12" fmla="*/ 4174693 h 5220974"/>
              <a:gd name="connsiteX13" fmla="*/ 7445631 w 10512596"/>
              <a:gd name="connsiteY13" fmla="*/ 5112168 h 5220974"/>
              <a:gd name="connsiteX14" fmla="*/ 7253488 w 10512596"/>
              <a:gd name="connsiteY14" fmla="*/ 5220921 h 5220974"/>
              <a:gd name="connsiteX15" fmla="*/ 203810 w 10512596"/>
              <a:gd name="connsiteY15" fmla="*/ 5220921 h 5220974"/>
              <a:gd name="connsiteX16" fmla="*/ 1162 w 10512596"/>
              <a:gd name="connsiteY16" fmla="*/ 4996880 h 5220974"/>
              <a:gd name="connsiteX17" fmla="*/ 1164 w 10512596"/>
              <a:gd name="connsiteY17" fmla="*/ 3556771 h 5220974"/>
              <a:gd name="connsiteX18" fmla="*/ 67852 w 10512596"/>
              <a:gd name="connsiteY18" fmla="*/ 3355651 h 5220974"/>
              <a:gd name="connsiteX19" fmla="*/ 982563 w 10512596"/>
              <a:gd name="connsiteY19" fmla="*/ 1839812 h 5220974"/>
              <a:gd name="connsiteX20" fmla="*/ 1182310 w 10512596"/>
              <a:gd name="connsiteY20" fmla="*/ 1732798 h 5220974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214142 w 10512596"/>
              <a:gd name="connsiteY3" fmla="*/ 76152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4995561 h 5219602"/>
              <a:gd name="connsiteX8" fmla="*/ 10288517 w 10512596"/>
              <a:gd name="connsiteY8" fmla="*/ 5219602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195092 w 10512596"/>
              <a:gd name="connsiteY3" fmla="*/ 107108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4995561 h 5219602"/>
              <a:gd name="connsiteX8" fmla="*/ 10288517 w 10512596"/>
              <a:gd name="connsiteY8" fmla="*/ 5219602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195092 w 10512596"/>
              <a:gd name="connsiteY3" fmla="*/ 107108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4995561 h 5219602"/>
              <a:gd name="connsiteX8" fmla="*/ 10288517 w 10512596"/>
              <a:gd name="connsiteY8" fmla="*/ 5219602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195092 w 10512596"/>
              <a:gd name="connsiteY3" fmla="*/ 107108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4995561 h 5219602"/>
              <a:gd name="connsiteX8" fmla="*/ 10288517 w 10512596"/>
              <a:gd name="connsiteY8" fmla="*/ 5219602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195092 w 10512596"/>
              <a:gd name="connsiteY3" fmla="*/ 107108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3369167 h 5219602"/>
              <a:gd name="connsiteX8" fmla="*/ 10288517 w 10512596"/>
              <a:gd name="connsiteY8" fmla="*/ 5219602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29124"/>
              <a:gd name="connsiteY0" fmla="*/ 1731426 h 5219602"/>
              <a:gd name="connsiteX1" fmla="*/ 5101326 w 10529124"/>
              <a:gd name="connsiteY1" fmla="*/ 1733439 h 5219602"/>
              <a:gd name="connsiteX2" fmla="*/ 5278053 w 10529124"/>
              <a:gd name="connsiteY2" fmla="*/ 1629951 h 5219602"/>
              <a:gd name="connsiteX3" fmla="*/ 6195092 w 10529124"/>
              <a:gd name="connsiteY3" fmla="*/ 107108 h 5219602"/>
              <a:gd name="connsiteX4" fmla="*/ 6389261 w 10529124"/>
              <a:gd name="connsiteY4" fmla="*/ 3490 h 5219602"/>
              <a:gd name="connsiteX5" fmla="*/ 10288517 w 10529124"/>
              <a:gd name="connsiteY5" fmla="*/ 0 h 5219602"/>
              <a:gd name="connsiteX6" fmla="*/ 10512596 w 10529124"/>
              <a:gd name="connsiteY6" fmla="*/ 224041 h 5219602"/>
              <a:gd name="connsiteX7" fmla="*/ 10512596 w 10529124"/>
              <a:gd name="connsiteY7" fmla="*/ 3369167 h 5219602"/>
              <a:gd name="connsiteX8" fmla="*/ 10452823 w 10529124"/>
              <a:gd name="connsiteY8" fmla="*/ 3564633 h 5219602"/>
              <a:gd name="connsiteX9" fmla="*/ 8648502 w 10529124"/>
              <a:gd name="connsiteY9" fmla="*/ 5219602 h 5219602"/>
              <a:gd name="connsiteX10" fmla="*/ 8424422 w 10529124"/>
              <a:gd name="connsiteY10" fmla="*/ 4995561 h 5219602"/>
              <a:gd name="connsiteX11" fmla="*/ 8424422 w 10529124"/>
              <a:gd name="connsiteY11" fmla="*/ 4288609 h 5219602"/>
              <a:gd name="connsiteX12" fmla="*/ 8008200 w 10529124"/>
              <a:gd name="connsiteY12" fmla="*/ 4173321 h 5219602"/>
              <a:gd name="connsiteX13" fmla="*/ 7445631 w 10529124"/>
              <a:gd name="connsiteY13" fmla="*/ 5110796 h 5219602"/>
              <a:gd name="connsiteX14" fmla="*/ 7253488 w 10529124"/>
              <a:gd name="connsiteY14" fmla="*/ 5219549 h 5219602"/>
              <a:gd name="connsiteX15" fmla="*/ 203810 w 10529124"/>
              <a:gd name="connsiteY15" fmla="*/ 5219549 h 5219602"/>
              <a:gd name="connsiteX16" fmla="*/ 1162 w 10529124"/>
              <a:gd name="connsiteY16" fmla="*/ 4995508 h 5219602"/>
              <a:gd name="connsiteX17" fmla="*/ 1164 w 10529124"/>
              <a:gd name="connsiteY17" fmla="*/ 3555399 h 5219602"/>
              <a:gd name="connsiteX18" fmla="*/ 67852 w 10529124"/>
              <a:gd name="connsiteY18" fmla="*/ 3354279 h 5219602"/>
              <a:gd name="connsiteX19" fmla="*/ 982563 w 10529124"/>
              <a:gd name="connsiteY19" fmla="*/ 1838440 h 5219602"/>
              <a:gd name="connsiteX20" fmla="*/ 1182310 w 10529124"/>
              <a:gd name="connsiteY20" fmla="*/ 1731426 h 5219602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195092 w 10512596"/>
              <a:gd name="connsiteY3" fmla="*/ 107108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3369167 h 5219602"/>
              <a:gd name="connsiteX8" fmla="*/ 10452823 w 10512596"/>
              <a:gd name="connsiteY8" fmla="*/ 3564633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12596"/>
              <a:gd name="connsiteY0" fmla="*/ 1731426 h 5219549"/>
              <a:gd name="connsiteX1" fmla="*/ 5101326 w 10512596"/>
              <a:gd name="connsiteY1" fmla="*/ 1733439 h 5219549"/>
              <a:gd name="connsiteX2" fmla="*/ 5278053 w 10512596"/>
              <a:gd name="connsiteY2" fmla="*/ 1629951 h 5219549"/>
              <a:gd name="connsiteX3" fmla="*/ 6195092 w 10512596"/>
              <a:gd name="connsiteY3" fmla="*/ 107108 h 5219549"/>
              <a:gd name="connsiteX4" fmla="*/ 6389261 w 10512596"/>
              <a:gd name="connsiteY4" fmla="*/ 3490 h 5219549"/>
              <a:gd name="connsiteX5" fmla="*/ 10288517 w 10512596"/>
              <a:gd name="connsiteY5" fmla="*/ 0 h 5219549"/>
              <a:gd name="connsiteX6" fmla="*/ 10512596 w 10512596"/>
              <a:gd name="connsiteY6" fmla="*/ 224041 h 5219549"/>
              <a:gd name="connsiteX7" fmla="*/ 10512596 w 10512596"/>
              <a:gd name="connsiteY7" fmla="*/ 3369167 h 5219549"/>
              <a:gd name="connsiteX8" fmla="*/ 10452823 w 10512596"/>
              <a:gd name="connsiteY8" fmla="*/ 3564633 h 5219549"/>
              <a:gd name="connsiteX9" fmla="*/ 9541470 w 10512596"/>
              <a:gd name="connsiteY9" fmla="*/ 5088634 h 5219549"/>
              <a:gd name="connsiteX10" fmla="*/ 8424422 w 10512596"/>
              <a:gd name="connsiteY10" fmla="*/ 4995561 h 5219549"/>
              <a:gd name="connsiteX11" fmla="*/ 8424422 w 10512596"/>
              <a:gd name="connsiteY11" fmla="*/ 4288609 h 5219549"/>
              <a:gd name="connsiteX12" fmla="*/ 8008200 w 10512596"/>
              <a:gd name="connsiteY12" fmla="*/ 4173321 h 5219549"/>
              <a:gd name="connsiteX13" fmla="*/ 7445631 w 10512596"/>
              <a:gd name="connsiteY13" fmla="*/ 5110796 h 5219549"/>
              <a:gd name="connsiteX14" fmla="*/ 7253488 w 10512596"/>
              <a:gd name="connsiteY14" fmla="*/ 5219549 h 5219549"/>
              <a:gd name="connsiteX15" fmla="*/ 203810 w 10512596"/>
              <a:gd name="connsiteY15" fmla="*/ 5219549 h 5219549"/>
              <a:gd name="connsiteX16" fmla="*/ 1162 w 10512596"/>
              <a:gd name="connsiteY16" fmla="*/ 4995508 h 5219549"/>
              <a:gd name="connsiteX17" fmla="*/ 1164 w 10512596"/>
              <a:gd name="connsiteY17" fmla="*/ 3555399 h 5219549"/>
              <a:gd name="connsiteX18" fmla="*/ 67852 w 10512596"/>
              <a:gd name="connsiteY18" fmla="*/ 3354279 h 5219549"/>
              <a:gd name="connsiteX19" fmla="*/ 982563 w 10512596"/>
              <a:gd name="connsiteY19" fmla="*/ 1838440 h 5219549"/>
              <a:gd name="connsiteX20" fmla="*/ 1182310 w 10512596"/>
              <a:gd name="connsiteY20" fmla="*/ 1731426 h 5219549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8347 w 10512596"/>
              <a:gd name="connsiteY10" fmla="*/ 5207492 h 5242645"/>
              <a:gd name="connsiteX11" fmla="*/ 8424422 w 10512596"/>
              <a:gd name="connsiteY11" fmla="*/ 4288609 h 5242645"/>
              <a:gd name="connsiteX12" fmla="*/ 8008200 w 10512596"/>
              <a:gd name="connsiteY12" fmla="*/ 4173321 h 5242645"/>
              <a:gd name="connsiteX13" fmla="*/ 7445631 w 10512596"/>
              <a:gd name="connsiteY13" fmla="*/ 5110796 h 5242645"/>
              <a:gd name="connsiteX14" fmla="*/ 7253488 w 10512596"/>
              <a:gd name="connsiteY14" fmla="*/ 5219549 h 5242645"/>
              <a:gd name="connsiteX15" fmla="*/ 203810 w 10512596"/>
              <a:gd name="connsiteY15" fmla="*/ 5219549 h 5242645"/>
              <a:gd name="connsiteX16" fmla="*/ 1162 w 10512596"/>
              <a:gd name="connsiteY16" fmla="*/ 4995508 h 5242645"/>
              <a:gd name="connsiteX17" fmla="*/ 1164 w 10512596"/>
              <a:gd name="connsiteY17" fmla="*/ 3555399 h 5242645"/>
              <a:gd name="connsiteX18" fmla="*/ 67852 w 10512596"/>
              <a:gd name="connsiteY18" fmla="*/ 3354279 h 5242645"/>
              <a:gd name="connsiteX19" fmla="*/ 982563 w 10512596"/>
              <a:gd name="connsiteY19" fmla="*/ 1838440 h 5242645"/>
              <a:gd name="connsiteX20" fmla="*/ 1182310 w 10512596"/>
              <a:gd name="connsiteY20" fmla="*/ 1731426 h 5242645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8347 w 10512596"/>
              <a:gd name="connsiteY10" fmla="*/ 5207492 h 5242645"/>
              <a:gd name="connsiteX11" fmla="*/ 8008200 w 10512596"/>
              <a:gd name="connsiteY11" fmla="*/ 4173321 h 5242645"/>
              <a:gd name="connsiteX12" fmla="*/ 7445631 w 10512596"/>
              <a:gd name="connsiteY12" fmla="*/ 5110796 h 5242645"/>
              <a:gd name="connsiteX13" fmla="*/ 7253488 w 10512596"/>
              <a:gd name="connsiteY13" fmla="*/ 5219549 h 5242645"/>
              <a:gd name="connsiteX14" fmla="*/ 203810 w 10512596"/>
              <a:gd name="connsiteY14" fmla="*/ 5219549 h 5242645"/>
              <a:gd name="connsiteX15" fmla="*/ 1162 w 10512596"/>
              <a:gd name="connsiteY15" fmla="*/ 4995508 h 5242645"/>
              <a:gd name="connsiteX16" fmla="*/ 1164 w 10512596"/>
              <a:gd name="connsiteY16" fmla="*/ 3555399 h 5242645"/>
              <a:gd name="connsiteX17" fmla="*/ 67852 w 10512596"/>
              <a:gd name="connsiteY17" fmla="*/ 3354279 h 5242645"/>
              <a:gd name="connsiteX18" fmla="*/ 982563 w 10512596"/>
              <a:gd name="connsiteY18" fmla="*/ 1838440 h 5242645"/>
              <a:gd name="connsiteX19" fmla="*/ 1182310 w 10512596"/>
              <a:gd name="connsiteY19" fmla="*/ 1731426 h 5242645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8347 w 10512596"/>
              <a:gd name="connsiteY10" fmla="*/ 5207492 h 5242645"/>
              <a:gd name="connsiteX11" fmla="*/ 7445631 w 10512596"/>
              <a:gd name="connsiteY11" fmla="*/ 5110796 h 5242645"/>
              <a:gd name="connsiteX12" fmla="*/ 7253488 w 10512596"/>
              <a:gd name="connsiteY12" fmla="*/ 5219549 h 5242645"/>
              <a:gd name="connsiteX13" fmla="*/ 203810 w 10512596"/>
              <a:gd name="connsiteY13" fmla="*/ 5219549 h 5242645"/>
              <a:gd name="connsiteX14" fmla="*/ 1162 w 10512596"/>
              <a:gd name="connsiteY14" fmla="*/ 4995508 h 5242645"/>
              <a:gd name="connsiteX15" fmla="*/ 1164 w 10512596"/>
              <a:gd name="connsiteY15" fmla="*/ 3555399 h 5242645"/>
              <a:gd name="connsiteX16" fmla="*/ 67852 w 10512596"/>
              <a:gd name="connsiteY16" fmla="*/ 3354279 h 5242645"/>
              <a:gd name="connsiteX17" fmla="*/ 982563 w 10512596"/>
              <a:gd name="connsiteY17" fmla="*/ 1838440 h 5242645"/>
              <a:gd name="connsiteX18" fmla="*/ 1182310 w 10512596"/>
              <a:gd name="connsiteY18" fmla="*/ 1731426 h 5242645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8347 w 10512596"/>
              <a:gd name="connsiteY10" fmla="*/ 5207492 h 5242645"/>
              <a:gd name="connsiteX11" fmla="*/ 7253488 w 10512596"/>
              <a:gd name="connsiteY11" fmla="*/ 5219549 h 5242645"/>
              <a:gd name="connsiteX12" fmla="*/ 203810 w 10512596"/>
              <a:gd name="connsiteY12" fmla="*/ 5219549 h 5242645"/>
              <a:gd name="connsiteX13" fmla="*/ 1162 w 10512596"/>
              <a:gd name="connsiteY13" fmla="*/ 4995508 h 5242645"/>
              <a:gd name="connsiteX14" fmla="*/ 1164 w 10512596"/>
              <a:gd name="connsiteY14" fmla="*/ 3555399 h 5242645"/>
              <a:gd name="connsiteX15" fmla="*/ 67852 w 10512596"/>
              <a:gd name="connsiteY15" fmla="*/ 3354279 h 5242645"/>
              <a:gd name="connsiteX16" fmla="*/ 982563 w 10512596"/>
              <a:gd name="connsiteY16" fmla="*/ 1838440 h 5242645"/>
              <a:gd name="connsiteX17" fmla="*/ 1182310 w 10512596"/>
              <a:gd name="connsiteY17" fmla="*/ 1731426 h 5242645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3584 w 10512596"/>
              <a:gd name="connsiteY10" fmla="*/ 5207492 h 5242645"/>
              <a:gd name="connsiteX11" fmla="*/ 7253488 w 10512596"/>
              <a:gd name="connsiteY11" fmla="*/ 5219549 h 5242645"/>
              <a:gd name="connsiteX12" fmla="*/ 203810 w 10512596"/>
              <a:gd name="connsiteY12" fmla="*/ 5219549 h 5242645"/>
              <a:gd name="connsiteX13" fmla="*/ 1162 w 10512596"/>
              <a:gd name="connsiteY13" fmla="*/ 4995508 h 5242645"/>
              <a:gd name="connsiteX14" fmla="*/ 1164 w 10512596"/>
              <a:gd name="connsiteY14" fmla="*/ 3555399 h 5242645"/>
              <a:gd name="connsiteX15" fmla="*/ 67852 w 10512596"/>
              <a:gd name="connsiteY15" fmla="*/ 3354279 h 5242645"/>
              <a:gd name="connsiteX16" fmla="*/ 982563 w 10512596"/>
              <a:gd name="connsiteY16" fmla="*/ 1838440 h 5242645"/>
              <a:gd name="connsiteX17" fmla="*/ 1182310 w 10512596"/>
              <a:gd name="connsiteY17" fmla="*/ 1731426 h 5242645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3584 w 10512596"/>
              <a:gd name="connsiteY10" fmla="*/ 5207492 h 5242645"/>
              <a:gd name="connsiteX11" fmla="*/ 203810 w 10512596"/>
              <a:gd name="connsiteY11" fmla="*/ 5219549 h 5242645"/>
              <a:gd name="connsiteX12" fmla="*/ 1162 w 10512596"/>
              <a:gd name="connsiteY12" fmla="*/ 4995508 h 5242645"/>
              <a:gd name="connsiteX13" fmla="*/ 1164 w 10512596"/>
              <a:gd name="connsiteY13" fmla="*/ 3555399 h 5242645"/>
              <a:gd name="connsiteX14" fmla="*/ 67852 w 10512596"/>
              <a:gd name="connsiteY14" fmla="*/ 3354279 h 5242645"/>
              <a:gd name="connsiteX15" fmla="*/ 982563 w 10512596"/>
              <a:gd name="connsiteY15" fmla="*/ 1838440 h 5242645"/>
              <a:gd name="connsiteX16" fmla="*/ 1182310 w 10512596"/>
              <a:gd name="connsiteY16" fmla="*/ 1731426 h 5242645"/>
              <a:gd name="connsiteX0" fmla="*/ 1182310 w 10512596"/>
              <a:gd name="connsiteY0" fmla="*/ 1731426 h 5249040"/>
              <a:gd name="connsiteX1" fmla="*/ 5101326 w 10512596"/>
              <a:gd name="connsiteY1" fmla="*/ 1733439 h 5249040"/>
              <a:gd name="connsiteX2" fmla="*/ 5278053 w 10512596"/>
              <a:gd name="connsiteY2" fmla="*/ 1629951 h 5249040"/>
              <a:gd name="connsiteX3" fmla="*/ 6195092 w 10512596"/>
              <a:gd name="connsiteY3" fmla="*/ 107108 h 5249040"/>
              <a:gd name="connsiteX4" fmla="*/ 6389261 w 10512596"/>
              <a:gd name="connsiteY4" fmla="*/ 3490 h 5249040"/>
              <a:gd name="connsiteX5" fmla="*/ 10288517 w 10512596"/>
              <a:gd name="connsiteY5" fmla="*/ 0 h 5249040"/>
              <a:gd name="connsiteX6" fmla="*/ 10512596 w 10512596"/>
              <a:gd name="connsiteY6" fmla="*/ 224041 h 5249040"/>
              <a:gd name="connsiteX7" fmla="*/ 10512596 w 10512596"/>
              <a:gd name="connsiteY7" fmla="*/ 3369167 h 5249040"/>
              <a:gd name="connsiteX8" fmla="*/ 10452823 w 10512596"/>
              <a:gd name="connsiteY8" fmla="*/ 3564633 h 5249040"/>
              <a:gd name="connsiteX9" fmla="*/ 9541470 w 10512596"/>
              <a:gd name="connsiteY9" fmla="*/ 5088634 h 5249040"/>
              <a:gd name="connsiteX10" fmla="*/ 9338822 w 10512596"/>
              <a:gd name="connsiteY10" fmla="*/ 5214635 h 5249040"/>
              <a:gd name="connsiteX11" fmla="*/ 203810 w 10512596"/>
              <a:gd name="connsiteY11" fmla="*/ 5219549 h 5249040"/>
              <a:gd name="connsiteX12" fmla="*/ 1162 w 10512596"/>
              <a:gd name="connsiteY12" fmla="*/ 4995508 h 5249040"/>
              <a:gd name="connsiteX13" fmla="*/ 1164 w 10512596"/>
              <a:gd name="connsiteY13" fmla="*/ 3555399 h 5249040"/>
              <a:gd name="connsiteX14" fmla="*/ 67852 w 10512596"/>
              <a:gd name="connsiteY14" fmla="*/ 3354279 h 5249040"/>
              <a:gd name="connsiteX15" fmla="*/ 982563 w 10512596"/>
              <a:gd name="connsiteY15" fmla="*/ 1838440 h 5249040"/>
              <a:gd name="connsiteX16" fmla="*/ 1182310 w 10512596"/>
              <a:gd name="connsiteY16" fmla="*/ 1731426 h 5249040"/>
              <a:gd name="connsiteX0" fmla="*/ 1182310 w 10512596"/>
              <a:gd name="connsiteY0" fmla="*/ 1731426 h 5249040"/>
              <a:gd name="connsiteX1" fmla="*/ 5101326 w 10512596"/>
              <a:gd name="connsiteY1" fmla="*/ 1733439 h 5249040"/>
              <a:gd name="connsiteX2" fmla="*/ 5278053 w 10512596"/>
              <a:gd name="connsiteY2" fmla="*/ 1629951 h 5249040"/>
              <a:gd name="connsiteX3" fmla="*/ 6195092 w 10512596"/>
              <a:gd name="connsiteY3" fmla="*/ 107108 h 5249040"/>
              <a:gd name="connsiteX4" fmla="*/ 6389261 w 10512596"/>
              <a:gd name="connsiteY4" fmla="*/ 3490 h 5249040"/>
              <a:gd name="connsiteX5" fmla="*/ 10288517 w 10512596"/>
              <a:gd name="connsiteY5" fmla="*/ 0 h 5249040"/>
              <a:gd name="connsiteX6" fmla="*/ 10512596 w 10512596"/>
              <a:gd name="connsiteY6" fmla="*/ 224041 h 5249040"/>
              <a:gd name="connsiteX7" fmla="*/ 10512596 w 10512596"/>
              <a:gd name="connsiteY7" fmla="*/ 3369167 h 5249040"/>
              <a:gd name="connsiteX8" fmla="*/ 10452823 w 10512596"/>
              <a:gd name="connsiteY8" fmla="*/ 3564633 h 5249040"/>
              <a:gd name="connsiteX9" fmla="*/ 9541470 w 10512596"/>
              <a:gd name="connsiteY9" fmla="*/ 5088634 h 5249040"/>
              <a:gd name="connsiteX10" fmla="*/ 9329297 w 10512596"/>
              <a:gd name="connsiteY10" fmla="*/ 5214635 h 5249040"/>
              <a:gd name="connsiteX11" fmla="*/ 203810 w 10512596"/>
              <a:gd name="connsiteY11" fmla="*/ 5219549 h 5249040"/>
              <a:gd name="connsiteX12" fmla="*/ 1162 w 10512596"/>
              <a:gd name="connsiteY12" fmla="*/ 4995508 h 5249040"/>
              <a:gd name="connsiteX13" fmla="*/ 1164 w 10512596"/>
              <a:gd name="connsiteY13" fmla="*/ 3555399 h 5249040"/>
              <a:gd name="connsiteX14" fmla="*/ 67852 w 10512596"/>
              <a:gd name="connsiteY14" fmla="*/ 3354279 h 5249040"/>
              <a:gd name="connsiteX15" fmla="*/ 982563 w 10512596"/>
              <a:gd name="connsiteY15" fmla="*/ 1838440 h 5249040"/>
              <a:gd name="connsiteX16" fmla="*/ 1182310 w 10512596"/>
              <a:gd name="connsiteY16" fmla="*/ 1731426 h 5249040"/>
              <a:gd name="connsiteX0" fmla="*/ 1182310 w 10512596"/>
              <a:gd name="connsiteY0" fmla="*/ 1731426 h 5255466"/>
              <a:gd name="connsiteX1" fmla="*/ 5101326 w 10512596"/>
              <a:gd name="connsiteY1" fmla="*/ 1733439 h 5255466"/>
              <a:gd name="connsiteX2" fmla="*/ 5278053 w 10512596"/>
              <a:gd name="connsiteY2" fmla="*/ 1629951 h 5255466"/>
              <a:gd name="connsiteX3" fmla="*/ 6195092 w 10512596"/>
              <a:gd name="connsiteY3" fmla="*/ 107108 h 5255466"/>
              <a:gd name="connsiteX4" fmla="*/ 6389261 w 10512596"/>
              <a:gd name="connsiteY4" fmla="*/ 3490 h 5255466"/>
              <a:gd name="connsiteX5" fmla="*/ 10288517 w 10512596"/>
              <a:gd name="connsiteY5" fmla="*/ 0 h 5255466"/>
              <a:gd name="connsiteX6" fmla="*/ 10512596 w 10512596"/>
              <a:gd name="connsiteY6" fmla="*/ 224041 h 5255466"/>
              <a:gd name="connsiteX7" fmla="*/ 10512596 w 10512596"/>
              <a:gd name="connsiteY7" fmla="*/ 3369167 h 5255466"/>
              <a:gd name="connsiteX8" fmla="*/ 10452823 w 10512596"/>
              <a:gd name="connsiteY8" fmla="*/ 3564633 h 5255466"/>
              <a:gd name="connsiteX9" fmla="*/ 9541470 w 10512596"/>
              <a:gd name="connsiteY9" fmla="*/ 5088634 h 5255466"/>
              <a:gd name="connsiteX10" fmla="*/ 9334059 w 10512596"/>
              <a:gd name="connsiteY10" fmla="*/ 5221779 h 5255466"/>
              <a:gd name="connsiteX11" fmla="*/ 203810 w 10512596"/>
              <a:gd name="connsiteY11" fmla="*/ 5219549 h 5255466"/>
              <a:gd name="connsiteX12" fmla="*/ 1162 w 10512596"/>
              <a:gd name="connsiteY12" fmla="*/ 4995508 h 5255466"/>
              <a:gd name="connsiteX13" fmla="*/ 1164 w 10512596"/>
              <a:gd name="connsiteY13" fmla="*/ 3555399 h 5255466"/>
              <a:gd name="connsiteX14" fmla="*/ 67852 w 10512596"/>
              <a:gd name="connsiteY14" fmla="*/ 3354279 h 5255466"/>
              <a:gd name="connsiteX15" fmla="*/ 982563 w 10512596"/>
              <a:gd name="connsiteY15" fmla="*/ 1838440 h 5255466"/>
              <a:gd name="connsiteX16" fmla="*/ 1182310 w 10512596"/>
              <a:gd name="connsiteY16" fmla="*/ 1731426 h 5255466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52823 w 10512596"/>
              <a:gd name="connsiteY8" fmla="*/ 3564633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52823 w 10512596"/>
              <a:gd name="connsiteY8" fmla="*/ 3564633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52823 w 10512596"/>
              <a:gd name="connsiteY8" fmla="*/ 3564633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52823 w 10512596"/>
              <a:gd name="connsiteY8" fmla="*/ 3564633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3311"/>
              <a:gd name="connsiteY0" fmla="*/ 1731426 h 5221779"/>
              <a:gd name="connsiteX1" fmla="*/ 5101326 w 10513311"/>
              <a:gd name="connsiteY1" fmla="*/ 1733439 h 5221779"/>
              <a:gd name="connsiteX2" fmla="*/ 5278053 w 10513311"/>
              <a:gd name="connsiteY2" fmla="*/ 1629951 h 5221779"/>
              <a:gd name="connsiteX3" fmla="*/ 6195092 w 10513311"/>
              <a:gd name="connsiteY3" fmla="*/ 107108 h 5221779"/>
              <a:gd name="connsiteX4" fmla="*/ 6389261 w 10513311"/>
              <a:gd name="connsiteY4" fmla="*/ 3490 h 5221779"/>
              <a:gd name="connsiteX5" fmla="*/ 10288517 w 10513311"/>
              <a:gd name="connsiteY5" fmla="*/ 0 h 5221779"/>
              <a:gd name="connsiteX6" fmla="*/ 10512596 w 10513311"/>
              <a:gd name="connsiteY6" fmla="*/ 224041 h 5221779"/>
              <a:gd name="connsiteX7" fmla="*/ 10512596 w 10513311"/>
              <a:gd name="connsiteY7" fmla="*/ 3369167 h 5221779"/>
              <a:gd name="connsiteX8" fmla="*/ 10474254 w 10513311"/>
              <a:gd name="connsiteY8" fmla="*/ 3524152 h 5221779"/>
              <a:gd name="connsiteX9" fmla="*/ 9541470 w 10513311"/>
              <a:gd name="connsiteY9" fmla="*/ 5088634 h 5221779"/>
              <a:gd name="connsiteX10" fmla="*/ 9334059 w 10513311"/>
              <a:gd name="connsiteY10" fmla="*/ 5221779 h 5221779"/>
              <a:gd name="connsiteX11" fmla="*/ 203810 w 10513311"/>
              <a:gd name="connsiteY11" fmla="*/ 5219549 h 5221779"/>
              <a:gd name="connsiteX12" fmla="*/ 1162 w 10513311"/>
              <a:gd name="connsiteY12" fmla="*/ 4995508 h 5221779"/>
              <a:gd name="connsiteX13" fmla="*/ 1164 w 10513311"/>
              <a:gd name="connsiteY13" fmla="*/ 3555399 h 5221779"/>
              <a:gd name="connsiteX14" fmla="*/ 67852 w 10513311"/>
              <a:gd name="connsiteY14" fmla="*/ 3354279 h 5221779"/>
              <a:gd name="connsiteX15" fmla="*/ 982563 w 10513311"/>
              <a:gd name="connsiteY15" fmla="*/ 1838440 h 5221779"/>
              <a:gd name="connsiteX16" fmla="*/ 1182310 w 10513311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74254 w 10512596"/>
              <a:gd name="connsiteY8" fmla="*/ 3524152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74254 w 10512596"/>
              <a:gd name="connsiteY8" fmla="*/ 3524152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74254 w 10512596"/>
              <a:gd name="connsiteY8" fmla="*/ 3524152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74254 w 10512596"/>
              <a:gd name="connsiteY8" fmla="*/ 3524152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74254 w 10512596"/>
              <a:gd name="connsiteY8" fmla="*/ 3524152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0512596" h="5221779">
                <a:moveTo>
                  <a:pt x="1182310" y="1731426"/>
                </a:moveTo>
                <a:lnTo>
                  <a:pt x="5101326" y="1733439"/>
                </a:lnTo>
                <a:cubicBezTo>
                  <a:pt x="5187759" y="1731379"/>
                  <a:pt x="5236735" y="1693215"/>
                  <a:pt x="5278053" y="1629951"/>
                </a:cubicBezTo>
                <a:lnTo>
                  <a:pt x="6195092" y="107108"/>
                </a:lnTo>
                <a:cubicBezTo>
                  <a:pt x="6241559" y="32087"/>
                  <a:pt x="6288024" y="4692"/>
                  <a:pt x="6389261" y="3490"/>
                </a:cubicBezTo>
                <a:lnTo>
                  <a:pt x="10288517" y="0"/>
                </a:lnTo>
                <a:cubicBezTo>
                  <a:pt x="10412256" y="0"/>
                  <a:pt x="10512596" y="100323"/>
                  <a:pt x="10512596" y="224041"/>
                </a:cubicBezTo>
                <a:lnTo>
                  <a:pt x="10512596" y="3369167"/>
                </a:lnTo>
                <a:cubicBezTo>
                  <a:pt x="10512596" y="3440497"/>
                  <a:pt x="10500363" y="3471764"/>
                  <a:pt x="10474254" y="3524152"/>
                </a:cubicBezTo>
                <a:lnTo>
                  <a:pt x="9541470" y="5088634"/>
                </a:lnTo>
                <a:cubicBezTo>
                  <a:pt x="9484406" y="5174359"/>
                  <a:pt x="9438834" y="5221672"/>
                  <a:pt x="9334059" y="5221779"/>
                </a:cubicBezTo>
                <a:lnTo>
                  <a:pt x="203810" y="5219549"/>
                </a:lnTo>
                <a:cubicBezTo>
                  <a:pt x="87215" y="5214786"/>
                  <a:pt x="2474" y="5126579"/>
                  <a:pt x="1162" y="4995508"/>
                </a:cubicBezTo>
                <a:cubicBezTo>
                  <a:pt x="726" y="4489153"/>
                  <a:pt x="-1220" y="4036106"/>
                  <a:pt x="1164" y="3555399"/>
                </a:cubicBezTo>
                <a:cubicBezTo>
                  <a:pt x="1166" y="3458074"/>
                  <a:pt x="17933" y="3437527"/>
                  <a:pt x="67852" y="3354279"/>
                </a:cubicBezTo>
                <a:lnTo>
                  <a:pt x="982563" y="1838440"/>
                </a:lnTo>
                <a:cubicBezTo>
                  <a:pt x="1029400" y="1761036"/>
                  <a:pt x="1085889" y="1728850"/>
                  <a:pt x="1182310" y="1731426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8" name="Bilde 7">
            <a:extLst>
              <a:ext uri="{FF2B5EF4-FFF2-40B4-BE49-F238E27FC236}">
                <a16:creationId xmlns:a16="http://schemas.microsoft.com/office/drawing/2014/main" id="{549FC9F5-99DD-1F7B-8314-12867514399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pic>
        <p:nvPicPr>
          <p:cNvPr id="41" name="Bilde 40">
            <a:extLst>
              <a:ext uri="{FF2B5EF4-FFF2-40B4-BE49-F238E27FC236}">
                <a16:creationId xmlns:a16="http://schemas.microsoft.com/office/drawing/2014/main" id="{59A61231-5D90-F084-BD09-FB9296AC37C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13" name="Bilde 1">
            <a:extLst>
              <a:ext uri="{FF2B5EF4-FFF2-40B4-BE49-F238E27FC236}">
                <a16:creationId xmlns:a16="http://schemas.microsoft.com/office/drawing/2014/main" id="{0144CC20-254D-4AED-2F41-C69E804B4AA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020648" y="985723"/>
            <a:ext cx="5058047" cy="16758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92432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Bilder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CB5DEFFC-D7C4-6B35-6CEB-9E471EACDB7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5" name="Plassholder for bilde 7">
            <a:extLst>
              <a:ext uri="{FF2B5EF4-FFF2-40B4-BE49-F238E27FC236}">
                <a16:creationId xmlns:a16="http://schemas.microsoft.com/office/drawing/2014/main" id="{F9D0DD48-D3B5-E6B7-A0AD-3711AFFC6E2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838200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579B4212-6066-1936-99A9-F11830993D55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4584795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9" name="Plassholder for bilde 7">
            <a:extLst>
              <a:ext uri="{FF2B5EF4-FFF2-40B4-BE49-F238E27FC236}">
                <a16:creationId xmlns:a16="http://schemas.microsoft.com/office/drawing/2014/main" id="{9FF8982C-B885-8393-46D0-D8BEC14E2DE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83206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5" name="Plassholder for tekst 2">
            <a:extLst>
              <a:ext uri="{FF2B5EF4-FFF2-40B4-BE49-F238E27FC236}">
                <a16:creationId xmlns:a16="http://schemas.microsoft.com/office/drawing/2014/main" id="{3DAF464D-5150-2CD2-B287-E5DE65E0CEB1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336524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6" name="Plassholder for bilde 7">
            <a:extLst>
              <a:ext uri="{FF2B5EF4-FFF2-40B4-BE49-F238E27FC236}">
                <a16:creationId xmlns:a16="http://schemas.microsoft.com/office/drawing/2014/main" id="{C4CB5FB2-868E-866B-B7FA-1A4A8EBBDB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34935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1" name="Tittel 1">
            <a:extLst>
              <a:ext uri="{FF2B5EF4-FFF2-40B4-BE49-F238E27FC236}">
                <a16:creationId xmlns:a16="http://schemas.microsoft.com/office/drawing/2014/main" id="{0321C738-ECD7-CCB3-D765-A186C53694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E357181C-3944-182F-334F-B3748AE335AE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2693944" y="3838556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7" name="Plassholder for bilde 7">
            <a:extLst>
              <a:ext uri="{FF2B5EF4-FFF2-40B4-BE49-F238E27FC236}">
                <a16:creationId xmlns:a16="http://schemas.microsoft.com/office/drawing/2014/main" id="{F000B82B-10B3-4534-A66C-BF9ACBAD7F6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2692355" y="4450556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9655EA49-F11E-DD9D-6503-1DE6413A690F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6438950" y="3838556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9" name="Plassholder for bilde 7">
            <a:extLst>
              <a:ext uri="{FF2B5EF4-FFF2-40B4-BE49-F238E27FC236}">
                <a16:creationId xmlns:a16="http://schemas.microsoft.com/office/drawing/2014/main" id="{DC97E4C9-16DA-6949-F1AF-EF19A0AF2787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6437361" y="4450556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89188826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Bilder (v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2" name="Bilde 1">
            <a:extLst>
              <a:ext uri="{FF2B5EF4-FFF2-40B4-BE49-F238E27FC236}">
                <a16:creationId xmlns:a16="http://schemas.microsoft.com/office/drawing/2014/main" id="{4048E809-A4B9-794D-10F7-F37BAEF9676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5" name="Tittel 1">
            <a:extLst>
              <a:ext uri="{FF2B5EF4-FFF2-40B4-BE49-F238E27FC236}">
                <a16:creationId xmlns:a16="http://schemas.microsoft.com/office/drawing/2014/main" id="{CB046190-18F1-B510-732D-0343420A73A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12" name="Freeform: Shape 15">
            <a:extLst>
              <a:ext uri="{FF2B5EF4-FFF2-40B4-BE49-F238E27FC236}">
                <a16:creationId xmlns:a16="http://schemas.microsoft.com/office/drawing/2014/main" id="{F71C0C37-4DAA-0337-06B9-7E3FE2DDA48B}"/>
              </a:ext>
            </a:extLst>
          </p:cNvPr>
          <p:cNvSpPr/>
          <p:nvPr userDrawn="1"/>
        </p:nvSpPr>
        <p:spPr>
          <a:xfrm>
            <a:off x="2571327" y="5558400"/>
            <a:ext cx="219794" cy="331653"/>
          </a:xfrm>
          <a:custGeom>
            <a:avLst/>
            <a:gdLst>
              <a:gd name="connsiteX0" fmla="*/ 185273 w 209951"/>
              <a:gd name="connsiteY0" fmla="*/ 316802 h 316801"/>
              <a:gd name="connsiteX1" fmla="*/ 24555 w 209951"/>
              <a:gd name="connsiteY1" fmla="*/ 316802 h 316801"/>
              <a:gd name="connsiteX2" fmla="*/ 3610 w 209951"/>
              <a:gd name="connsiteY2" fmla="*/ 279681 h 316801"/>
              <a:gd name="connsiteX3" fmla="*/ 164328 w 209951"/>
              <a:gd name="connsiteY3" fmla="*/ 11955 h 316801"/>
              <a:gd name="connsiteX4" fmla="*/ 209951 w 209951"/>
              <a:gd name="connsiteY4" fmla="*/ 24605 h 316801"/>
              <a:gd name="connsiteX5" fmla="*/ 209951 w 209951"/>
              <a:gd name="connsiteY5" fmla="*/ 292331 h 316801"/>
              <a:gd name="connsiteX6" fmla="*/ 185481 w 209951"/>
              <a:gd name="connsiteY6" fmla="*/ 316802 h 316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9951" h="316801">
                <a:moveTo>
                  <a:pt x="185273" y="316802"/>
                </a:moveTo>
                <a:lnTo>
                  <a:pt x="24555" y="316802"/>
                </a:lnTo>
                <a:cubicBezTo>
                  <a:pt x="5476" y="316802"/>
                  <a:pt x="-6344" y="296064"/>
                  <a:pt x="3610" y="279681"/>
                </a:cubicBezTo>
                <a:lnTo>
                  <a:pt x="164328" y="11955"/>
                </a:lnTo>
                <a:cubicBezTo>
                  <a:pt x="177186" y="-9405"/>
                  <a:pt x="209951" y="-280"/>
                  <a:pt x="209951" y="24605"/>
                </a:cubicBezTo>
                <a:lnTo>
                  <a:pt x="209951" y="292331"/>
                </a:lnTo>
                <a:cubicBezTo>
                  <a:pt x="209951" y="305811"/>
                  <a:pt x="198960" y="316802"/>
                  <a:pt x="185481" y="316802"/>
                </a:cubicBezTo>
              </a:path>
            </a:pathLst>
          </a:custGeom>
          <a:solidFill>
            <a:srgbClr val="F4862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nb-NO"/>
          </a:p>
        </p:txBody>
      </p:sp>
      <p:sp>
        <p:nvSpPr>
          <p:cNvPr id="17" name="Plassholder for bilde 16">
            <a:extLst>
              <a:ext uri="{FF2B5EF4-FFF2-40B4-BE49-F238E27FC236}">
                <a16:creationId xmlns:a16="http://schemas.microsoft.com/office/drawing/2014/main" id="{C7AC075C-21A1-3219-9746-F5D53FDFA8E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29914" y="1440000"/>
            <a:ext cx="1961208" cy="4439600"/>
          </a:xfrm>
          <a:custGeom>
            <a:avLst/>
            <a:gdLst>
              <a:gd name="connsiteX0" fmla="*/ 84182 w 1961208"/>
              <a:gd name="connsiteY0" fmla="*/ 0 h 4439600"/>
              <a:gd name="connsiteX1" fmla="*/ 1877026 w 1961208"/>
              <a:gd name="connsiteY1" fmla="*/ 0 h 4439600"/>
              <a:gd name="connsiteX2" fmla="*/ 1961208 w 1961208"/>
              <a:gd name="connsiteY2" fmla="*/ 84185 h 4439600"/>
              <a:gd name="connsiteX3" fmla="*/ 1961208 w 1961208"/>
              <a:gd name="connsiteY3" fmla="*/ 3762515 h 4439600"/>
              <a:gd name="connsiteX4" fmla="*/ 1949210 w 1961208"/>
              <a:gd name="connsiteY4" fmla="*/ 3805835 h 4439600"/>
              <a:gd name="connsiteX5" fmla="*/ 1593496 w 1961208"/>
              <a:gd name="connsiteY5" fmla="*/ 4398734 h 4439600"/>
              <a:gd name="connsiteX6" fmla="*/ 1521312 w 1961208"/>
              <a:gd name="connsiteY6" fmla="*/ 4439600 h 4439600"/>
              <a:gd name="connsiteX7" fmla="*/ 84182 w 1961208"/>
              <a:gd name="connsiteY7" fmla="*/ 4439600 h 4439600"/>
              <a:gd name="connsiteX8" fmla="*/ 0 w 1961208"/>
              <a:gd name="connsiteY8" fmla="*/ 4355414 h 4439600"/>
              <a:gd name="connsiteX9" fmla="*/ 0 w 1961208"/>
              <a:gd name="connsiteY9" fmla="*/ 84185 h 4439600"/>
              <a:gd name="connsiteX10" fmla="*/ 84182 w 1961208"/>
              <a:gd name="connsiteY10" fmla="*/ 0 h 4439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61208" h="4439600">
                <a:moveTo>
                  <a:pt x="84182" y="0"/>
                </a:moveTo>
                <a:lnTo>
                  <a:pt x="1877026" y="0"/>
                </a:lnTo>
                <a:cubicBezTo>
                  <a:pt x="1923512" y="0"/>
                  <a:pt x="1961208" y="37697"/>
                  <a:pt x="1961208" y="84185"/>
                </a:cubicBezTo>
                <a:lnTo>
                  <a:pt x="1961208" y="3762515"/>
                </a:lnTo>
                <a:cubicBezTo>
                  <a:pt x="1961208" y="3777779"/>
                  <a:pt x="1957070" y="3792748"/>
                  <a:pt x="1949210" y="3805835"/>
                </a:cubicBezTo>
                <a:lnTo>
                  <a:pt x="1593496" y="4398734"/>
                </a:lnTo>
                <a:cubicBezTo>
                  <a:pt x="1578291" y="4424077"/>
                  <a:pt x="1550891" y="4439600"/>
                  <a:pt x="1521312" y="4439600"/>
                </a:cubicBezTo>
                <a:lnTo>
                  <a:pt x="84182" y="4439600"/>
                </a:lnTo>
                <a:cubicBezTo>
                  <a:pt x="37696" y="4439600"/>
                  <a:pt x="0" y="4401902"/>
                  <a:pt x="0" y="4355414"/>
                </a:cubicBezTo>
                <a:lnTo>
                  <a:pt x="0" y="84185"/>
                </a:lnTo>
                <a:cubicBezTo>
                  <a:pt x="0" y="37697"/>
                  <a:pt x="37696" y="0"/>
                  <a:pt x="84182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0" name="Freeform: Shape 15">
            <a:extLst>
              <a:ext uri="{FF2B5EF4-FFF2-40B4-BE49-F238E27FC236}">
                <a16:creationId xmlns:a16="http://schemas.microsoft.com/office/drawing/2014/main" id="{BADBC17A-1F14-880E-D8B0-857A2203774E}"/>
              </a:ext>
            </a:extLst>
          </p:cNvPr>
          <p:cNvSpPr/>
          <p:nvPr userDrawn="1"/>
        </p:nvSpPr>
        <p:spPr>
          <a:xfrm>
            <a:off x="4711997" y="5558400"/>
            <a:ext cx="219794" cy="331653"/>
          </a:xfrm>
          <a:custGeom>
            <a:avLst/>
            <a:gdLst>
              <a:gd name="connsiteX0" fmla="*/ 185273 w 209951"/>
              <a:gd name="connsiteY0" fmla="*/ 316802 h 316801"/>
              <a:gd name="connsiteX1" fmla="*/ 24555 w 209951"/>
              <a:gd name="connsiteY1" fmla="*/ 316802 h 316801"/>
              <a:gd name="connsiteX2" fmla="*/ 3610 w 209951"/>
              <a:gd name="connsiteY2" fmla="*/ 279681 h 316801"/>
              <a:gd name="connsiteX3" fmla="*/ 164328 w 209951"/>
              <a:gd name="connsiteY3" fmla="*/ 11955 h 316801"/>
              <a:gd name="connsiteX4" fmla="*/ 209951 w 209951"/>
              <a:gd name="connsiteY4" fmla="*/ 24605 h 316801"/>
              <a:gd name="connsiteX5" fmla="*/ 209951 w 209951"/>
              <a:gd name="connsiteY5" fmla="*/ 292331 h 316801"/>
              <a:gd name="connsiteX6" fmla="*/ 185481 w 209951"/>
              <a:gd name="connsiteY6" fmla="*/ 316802 h 316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9951" h="316801">
                <a:moveTo>
                  <a:pt x="185273" y="316802"/>
                </a:moveTo>
                <a:lnTo>
                  <a:pt x="24555" y="316802"/>
                </a:lnTo>
                <a:cubicBezTo>
                  <a:pt x="5476" y="316802"/>
                  <a:pt x="-6344" y="296064"/>
                  <a:pt x="3610" y="279681"/>
                </a:cubicBezTo>
                <a:lnTo>
                  <a:pt x="164328" y="11955"/>
                </a:lnTo>
                <a:cubicBezTo>
                  <a:pt x="177186" y="-9405"/>
                  <a:pt x="209951" y="-280"/>
                  <a:pt x="209951" y="24605"/>
                </a:cubicBezTo>
                <a:lnTo>
                  <a:pt x="209951" y="292331"/>
                </a:lnTo>
                <a:cubicBezTo>
                  <a:pt x="209951" y="305811"/>
                  <a:pt x="198960" y="316802"/>
                  <a:pt x="185481" y="316802"/>
                </a:cubicBezTo>
              </a:path>
            </a:pathLst>
          </a:custGeom>
          <a:solidFill>
            <a:srgbClr val="F4862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nb-NO"/>
          </a:p>
        </p:txBody>
      </p:sp>
      <p:sp>
        <p:nvSpPr>
          <p:cNvPr id="21" name="Plassholder for bilde 20">
            <a:extLst>
              <a:ext uri="{FF2B5EF4-FFF2-40B4-BE49-F238E27FC236}">
                <a16:creationId xmlns:a16="http://schemas.microsoft.com/office/drawing/2014/main" id="{3AF72F64-9105-6C76-720A-2BBA6DD00FE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2970583" y="1440000"/>
            <a:ext cx="1961208" cy="4439600"/>
          </a:xfrm>
          <a:custGeom>
            <a:avLst/>
            <a:gdLst>
              <a:gd name="connsiteX0" fmla="*/ 84182 w 1961208"/>
              <a:gd name="connsiteY0" fmla="*/ 0 h 4439600"/>
              <a:gd name="connsiteX1" fmla="*/ 1877026 w 1961208"/>
              <a:gd name="connsiteY1" fmla="*/ 0 h 4439600"/>
              <a:gd name="connsiteX2" fmla="*/ 1961208 w 1961208"/>
              <a:gd name="connsiteY2" fmla="*/ 84185 h 4439600"/>
              <a:gd name="connsiteX3" fmla="*/ 1961208 w 1961208"/>
              <a:gd name="connsiteY3" fmla="*/ 3762515 h 4439600"/>
              <a:gd name="connsiteX4" fmla="*/ 1949210 w 1961208"/>
              <a:gd name="connsiteY4" fmla="*/ 3805835 h 4439600"/>
              <a:gd name="connsiteX5" fmla="*/ 1593496 w 1961208"/>
              <a:gd name="connsiteY5" fmla="*/ 4398734 h 4439600"/>
              <a:gd name="connsiteX6" fmla="*/ 1521312 w 1961208"/>
              <a:gd name="connsiteY6" fmla="*/ 4439600 h 4439600"/>
              <a:gd name="connsiteX7" fmla="*/ 84182 w 1961208"/>
              <a:gd name="connsiteY7" fmla="*/ 4439600 h 4439600"/>
              <a:gd name="connsiteX8" fmla="*/ 0 w 1961208"/>
              <a:gd name="connsiteY8" fmla="*/ 4355414 h 4439600"/>
              <a:gd name="connsiteX9" fmla="*/ 0 w 1961208"/>
              <a:gd name="connsiteY9" fmla="*/ 84185 h 4439600"/>
              <a:gd name="connsiteX10" fmla="*/ 84182 w 1961208"/>
              <a:gd name="connsiteY10" fmla="*/ 0 h 4439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61208" h="4439600">
                <a:moveTo>
                  <a:pt x="84182" y="0"/>
                </a:moveTo>
                <a:lnTo>
                  <a:pt x="1877026" y="0"/>
                </a:lnTo>
                <a:cubicBezTo>
                  <a:pt x="1923512" y="0"/>
                  <a:pt x="1961208" y="37697"/>
                  <a:pt x="1961208" y="84185"/>
                </a:cubicBezTo>
                <a:lnTo>
                  <a:pt x="1961208" y="3762515"/>
                </a:lnTo>
                <a:cubicBezTo>
                  <a:pt x="1961208" y="3777779"/>
                  <a:pt x="1957070" y="3792748"/>
                  <a:pt x="1949210" y="3805835"/>
                </a:cubicBezTo>
                <a:lnTo>
                  <a:pt x="1593496" y="4398734"/>
                </a:lnTo>
                <a:cubicBezTo>
                  <a:pt x="1578291" y="4424077"/>
                  <a:pt x="1550891" y="4439600"/>
                  <a:pt x="1521312" y="4439600"/>
                </a:cubicBezTo>
                <a:lnTo>
                  <a:pt x="84182" y="4439600"/>
                </a:lnTo>
                <a:cubicBezTo>
                  <a:pt x="37696" y="4439600"/>
                  <a:pt x="0" y="4401902"/>
                  <a:pt x="0" y="4355414"/>
                </a:cubicBezTo>
                <a:lnTo>
                  <a:pt x="0" y="84185"/>
                </a:lnTo>
                <a:cubicBezTo>
                  <a:pt x="0" y="37697"/>
                  <a:pt x="37696" y="0"/>
                  <a:pt x="84182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2" name="Plassholder for bilde 21">
            <a:extLst>
              <a:ext uri="{FF2B5EF4-FFF2-40B4-BE49-F238E27FC236}">
                <a16:creationId xmlns:a16="http://schemas.microsoft.com/office/drawing/2014/main" id="{879B2134-F8A0-C008-4101-F219BB4D2007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5111253" y="1440000"/>
            <a:ext cx="1961208" cy="4439600"/>
          </a:xfrm>
          <a:custGeom>
            <a:avLst/>
            <a:gdLst>
              <a:gd name="connsiteX0" fmla="*/ 84182 w 1961208"/>
              <a:gd name="connsiteY0" fmla="*/ 0 h 4439600"/>
              <a:gd name="connsiteX1" fmla="*/ 1877026 w 1961208"/>
              <a:gd name="connsiteY1" fmla="*/ 0 h 4439600"/>
              <a:gd name="connsiteX2" fmla="*/ 1961208 w 1961208"/>
              <a:gd name="connsiteY2" fmla="*/ 84185 h 4439600"/>
              <a:gd name="connsiteX3" fmla="*/ 1961208 w 1961208"/>
              <a:gd name="connsiteY3" fmla="*/ 3762515 h 4439600"/>
              <a:gd name="connsiteX4" fmla="*/ 1949210 w 1961208"/>
              <a:gd name="connsiteY4" fmla="*/ 3805835 h 4439600"/>
              <a:gd name="connsiteX5" fmla="*/ 1593496 w 1961208"/>
              <a:gd name="connsiteY5" fmla="*/ 4398734 h 4439600"/>
              <a:gd name="connsiteX6" fmla="*/ 1521312 w 1961208"/>
              <a:gd name="connsiteY6" fmla="*/ 4439600 h 4439600"/>
              <a:gd name="connsiteX7" fmla="*/ 84182 w 1961208"/>
              <a:gd name="connsiteY7" fmla="*/ 4439600 h 4439600"/>
              <a:gd name="connsiteX8" fmla="*/ 0 w 1961208"/>
              <a:gd name="connsiteY8" fmla="*/ 4355414 h 4439600"/>
              <a:gd name="connsiteX9" fmla="*/ 0 w 1961208"/>
              <a:gd name="connsiteY9" fmla="*/ 84185 h 4439600"/>
              <a:gd name="connsiteX10" fmla="*/ 84182 w 1961208"/>
              <a:gd name="connsiteY10" fmla="*/ 0 h 4439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61208" h="4439600">
                <a:moveTo>
                  <a:pt x="84182" y="0"/>
                </a:moveTo>
                <a:lnTo>
                  <a:pt x="1877026" y="0"/>
                </a:lnTo>
                <a:cubicBezTo>
                  <a:pt x="1923512" y="0"/>
                  <a:pt x="1961208" y="37697"/>
                  <a:pt x="1961208" y="84185"/>
                </a:cubicBezTo>
                <a:lnTo>
                  <a:pt x="1961208" y="3762515"/>
                </a:lnTo>
                <a:cubicBezTo>
                  <a:pt x="1961208" y="3777779"/>
                  <a:pt x="1957070" y="3792748"/>
                  <a:pt x="1949210" y="3805835"/>
                </a:cubicBezTo>
                <a:lnTo>
                  <a:pt x="1593496" y="4398734"/>
                </a:lnTo>
                <a:cubicBezTo>
                  <a:pt x="1578291" y="4424077"/>
                  <a:pt x="1550891" y="4439600"/>
                  <a:pt x="1521312" y="4439600"/>
                </a:cubicBezTo>
                <a:lnTo>
                  <a:pt x="84182" y="4439600"/>
                </a:lnTo>
                <a:cubicBezTo>
                  <a:pt x="37696" y="4439600"/>
                  <a:pt x="0" y="4401902"/>
                  <a:pt x="0" y="4355414"/>
                </a:cubicBezTo>
                <a:lnTo>
                  <a:pt x="0" y="84185"/>
                </a:lnTo>
                <a:cubicBezTo>
                  <a:pt x="0" y="37697"/>
                  <a:pt x="37696" y="0"/>
                  <a:pt x="84182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3" name="Plassholder for bilde 22">
            <a:extLst>
              <a:ext uri="{FF2B5EF4-FFF2-40B4-BE49-F238E27FC236}">
                <a16:creationId xmlns:a16="http://schemas.microsoft.com/office/drawing/2014/main" id="{64D1F799-0FE7-7C71-FCC8-825C2E3F1C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251923" y="1440000"/>
            <a:ext cx="1961208" cy="4439600"/>
          </a:xfrm>
          <a:custGeom>
            <a:avLst/>
            <a:gdLst>
              <a:gd name="connsiteX0" fmla="*/ 84182 w 1961208"/>
              <a:gd name="connsiteY0" fmla="*/ 0 h 4439600"/>
              <a:gd name="connsiteX1" fmla="*/ 1877026 w 1961208"/>
              <a:gd name="connsiteY1" fmla="*/ 0 h 4439600"/>
              <a:gd name="connsiteX2" fmla="*/ 1961208 w 1961208"/>
              <a:gd name="connsiteY2" fmla="*/ 84185 h 4439600"/>
              <a:gd name="connsiteX3" fmla="*/ 1961208 w 1961208"/>
              <a:gd name="connsiteY3" fmla="*/ 3762515 h 4439600"/>
              <a:gd name="connsiteX4" fmla="*/ 1949210 w 1961208"/>
              <a:gd name="connsiteY4" fmla="*/ 3805835 h 4439600"/>
              <a:gd name="connsiteX5" fmla="*/ 1593496 w 1961208"/>
              <a:gd name="connsiteY5" fmla="*/ 4398734 h 4439600"/>
              <a:gd name="connsiteX6" fmla="*/ 1521312 w 1961208"/>
              <a:gd name="connsiteY6" fmla="*/ 4439600 h 4439600"/>
              <a:gd name="connsiteX7" fmla="*/ 84182 w 1961208"/>
              <a:gd name="connsiteY7" fmla="*/ 4439600 h 4439600"/>
              <a:gd name="connsiteX8" fmla="*/ 0 w 1961208"/>
              <a:gd name="connsiteY8" fmla="*/ 4355414 h 4439600"/>
              <a:gd name="connsiteX9" fmla="*/ 0 w 1961208"/>
              <a:gd name="connsiteY9" fmla="*/ 84185 h 4439600"/>
              <a:gd name="connsiteX10" fmla="*/ 84182 w 1961208"/>
              <a:gd name="connsiteY10" fmla="*/ 0 h 4439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61208" h="4439600">
                <a:moveTo>
                  <a:pt x="84182" y="0"/>
                </a:moveTo>
                <a:lnTo>
                  <a:pt x="1877026" y="0"/>
                </a:lnTo>
                <a:cubicBezTo>
                  <a:pt x="1923512" y="0"/>
                  <a:pt x="1961208" y="37697"/>
                  <a:pt x="1961208" y="84185"/>
                </a:cubicBezTo>
                <a:lnTo>
                  <a:pt x="1961208" y="3762515"/>
                </a:lnTo>
                <a:cubicBezTo>
                  <a:pt x="1961208" y="3777779"/>
                  <a:pt x="1957070" y="3792748"/>
                  <a:pt x="1949210" y="3805835"/>
                </a:cubicBezTo>
                <a:lnTo>
                  <a:pt x="1593496" y="4398734"/>
                </a:lnTo>
                <a:cubicBezTo>
                  <a:pt x="1578291" y="4424077"/>
                  <a:pt x="1550891" y="4439600"/>
                  <a:pt x="1521312" y="4439600"/>
                </a:cubicBezTo>
                <a:lnTo>
                  <a:pt x="84182" y="4439600"/>
                </a:lnTo>
                <a:cubicBezTo>
                  <a:pt x="37696" y="4439600"/>
                  <a:pt x="0" y="4401902"/>
                  <a:pt x="0" y="4355414"/>
                </a:cubicBezTo>
                <a:lnTo>
                  <a:pt x="0" y="84185"/>
                </a:lnTo>
                <a:cubicBezTo>
                  <a:pt x="0" y="37697"/>
                  <a:pt x="37696" y="0"/>
                  <a:pt x="84182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4" name="Plassholder for bilde 23">
            <a:extLst>
              <a:ext uri="{FF2B5EF4-FFF2-40B4-BE49-F238E27FC236}">
                <a16:creationId xmlns:a16="http://schemas.microsoft.com/office/drawing/2014/main" id="{DA7E8504-8CD8-E295-3DAF-D9746038B5E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9392592" y="1440000"/>
            <a:ext cx="1961208" cy="4439600"/>
          </a:xfrm>
          <a:custGeom>
            <a:avLst/>
            <a:gdLst>
              <a:gd name="connsiteX0" fmla="*/ 84182 w 1961208"/>
              <a:gd name="connsiteY0" fmla="*/ 0 h 4439600"/>
              <a:gd name="connsiteX1" fmla="*/ 1877026 w 1961208"/>
              <a:gd name="connsiteY1" fmla="*/ 0 h 4439600"/>
              <a:gd name="connsiteX2" fmla="*/ 1961208 w 1961208"/>
              <a:gd name="connsiteY2" fmla="*/ 84185 h 4439600"/>
              <a:gd name="connsiteX3" fmla="*/ 1961208 w 1961208"/>
              <a:gd name="connsiteY3" fmla="*/ 3762515 h 4439600"/>
              <a:gd name="connsiteX4" fmla="*/ 1949210 w 1961208"/>
              <a:gd name="connsiteY4" fmla="*/ 3805835 h 4439600"/>
              <a:gd name="connsiteX5" fmla="*/ 1593496 w 1961208"/>
              <a:gd name="connsiteY5" fmla="*/ 4398734 h 4439600"/>
              <a:gd name="connsiteX6" fmla="*/ 1521312 w 1961208"/>
              <a:gd name="connsiteY6" fmla="*/ 4439600 h 4439600"/>
              <a:gd name="connsiteX7" fmla="*/ 84182 w 1961208"/>
              <a:gd name="connsiteY7" fmla="*/ 4439600 h 4439600"/>
              <a:gd name="connsiteX8" fmla="*/ 0 w 1961208"/>
              <a:gd name="connsiteY8" fmla="*/ 4355414 h 4439600"/>
              <a:gd name="connsiteX9" fmla="*/ 0 w 1961208"/>
              <a:gd name="connsiteY9" fmla="*/ 84185 h 4439600"/>
              <a:gd name="connsiteX10" fmla="*/ 84182 w 1961208"/>
              <a:gd name="connsiteY10" fmla="*/ 0 h 4439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61208" h="4439600">
                <a:moveTo>
                  <a:pt x="84182" y="0"/>
                </a:moveTo>
                <a:lnTo>
                  <a:pt x="1877026" y="0"/>
                </a:lnTo>
                <a:cubicBezTo>
                  <a:pt x="1923512" y="0"/>
                  <a:pt x="1961208" y="37697"/>
                  <a:pt x="1961208" y="84185"/>
                </a:cubicBezTo>
                <a:lnTo>
                  <a:pt x="1961208" y="3762515"/>
                </a:lnTo>
                <a:cubicBezTo>
                  <a:pt x="1961208" y="3777779"/>
                  <a:pt x="1957070" y="3792748"/>
                  <a:pt x="1949210" y="3805835"/>
                </a:cubicBezTo>
                <a:lnTo>
                  <a:pt x="1593496" y="4398734"/>
                </a:lnTo>
                <a:cubicBezTo>
                  <a:pt x="1578291" y="4424077"/>
                  <a:pt x="1550891" y="4439600"/>
                  <a:pt x="1521312" y="4439600"/>
                </a:cubicBezTo>
                <a:lnTo>
                  <a:pt x="84182" y="4439600"/>
                </a:lnTo>
                <a:cubicBezTo>
                  <a:pt x="37696" y="4439600"/>
                  <a:pt x="0" y="4401902"/>
                  <a:pt x="0" y="4355414"/>
                </a:cubicBezTo>
                <a:lnTo>
                  <a:pt x="0" y="84185"/>
                </a:lnTo>
                <a:cubicBezTo>
                  <a:pt x="0" y="37697"/>
                  <a:pt x="37696" y="0"/>
                  <a:pt x="84182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5" name="Freeform: Shape 15">
            <a:extLst>
              <a:ext uri="{FF2B5EF4-FFF2-40B4-BE49-F238E27FC236}">
                <a16:creationId xmlns:a16="http://schemas.microsoft.com/office/drawing/2014/main" id="{B569C955-1CE2-4B87-601C-6CC97A9E66D8}"/>
              </a:ext>
            </a:extLst>
          </p:cNvPr>
          <p:cNvSpPr/>
          <p:nvPr userDrawn="1"/>
        </p:nvSpPr>
        <p:spPr>
          <a:xfrm>
            <a:off x="6853618" y="5558400"/>
            <a:ext cx="219794" cy="331653"/>
          </a:xfrm>
          <a:custGeom>
            <a:avLst/>
            <a:gdLst>
              <a:gd name="connsiteX0" fmla="*/ 185273 w 209951"/>
              <a:gd name="connsiteY0" fmla="*/ 316802 h 316801"/>
              <a:gd name="connsiteX1" fmla="*/ 24555 w 209951"/>
              <a:gd name="connsiteY1" fmla="*/ 316802 h 316801"/>
              <a:gd name="connsiteX2" fmla="*/ 3610 w 209951"/>
              <a:gd name="connsiteY2" fmla="*/ 279681 h 316801"/>
              <a:gd name="connsiteX3" fmla="*/ 164328 w 209951"/>
              <a:gd name="connsiteY3" fmla="*/ 11955 h 316801"/>
              <a:gd name="connsiteX4" fmla="*/ 209951 w 209951"/>
              <a:gd name="connsiteY4" fmla="*/ 24605 h 316801"/>
              <a:gd name="connsiteX5" fmla="*/ 209951 w 209951"/>
              <a:gd name="connsiteY5" fmla="*/ 292331 h 316801"/>
              <a:gd name="connsiteX6" fmla="*/ 185481 w 209951"/>
              <a:gd name="connsiteY6" fmla="*/ 316802 h 316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9951" h="316801">
                <a:moveTo>
                  <a:pt x="185273" y="316802"/>
                </a:moveTo>
                <a:lnTo>
                  <a:pt x="24555" y="316802"/>
                </a:lnTo>
                <a:cubicBezTo>
                  <a:pt x="5476" y="316802"/>
                  <a:pt x="-6344" y="296064"/>
                  <a:pt x="3610" y="279681"/>
                </a:cubicBezTo>
                <a:lnTo>
                  <a:pt x="164328" y="11955"/>
                </a:lnTo>
                <a:cubicBezTo>
                  <a:pt x="177186" y="-9405"/>
                  <a:pt x="209951" y="-280"/>
                  <a:pt x="209951" y="24605"/>
                </a:cubicBezTo>
                <a:lnTo>
                  <a:pt x="209951" y="292331"/>
                </a:lnTo>
                <a:cubicBezTo>
                  <a:pt x="209951" y="305811"/>
                  <a:pt x="198960" y="316802"/>
                  <a:pt x="185481" y="316802"/>
                </a:cubicBezTo>
              </a:path>
            </a:pathLst>
          </a:custGeom>
          <a:solidFill>
            <a:srgbClr val="F4862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nb-NO"/>
          </a:p>
        </p:txBody>
      </p:sp>
      <p:sp>
        <p:nvSpPr>
          <p:cNvPr id="26" name="Freeform: Shape 15">
            <a:extLst>
              <a:ext uri="{FF2B5EF4-FFF2-40B4-BE49-F238E27FC236}">
                <a16:creationId xmlns:a16="http://schemas.microsoft.com/office/drawing/2014/main" id="{B54E544F-43D2-C5B5-BEAA-648D5E40B6A2}"/>
              </a:ext>
            </a:extLst>
          </p:cNvPr>
          <p:cNvSpPr/>
          <p:nvPr userDrawn="1"/>
        </p:nvSpPr>
        <p:spPr>
          <a:xfrm>
            <a:off x="8994288" y="5558400"/>
            <a:ext cx="219794" cy="331653"/>
          </a:xfrm>
          <a:custGeom>
            <a:avLst/>
            <a:gdLst>
              <a:gd name="connsiteX0" fmla="*/ 185273 w 209951"/>
              <a:gd name="connsiteY0" fmla="*/ 316802 h 316801"/>
              <a:gd name="connsiteX1" fmla="*/ 24555 w 209951"/>
              <a:gd name="connsiteY1" fmla="*/ 316802 h 316801"/>
              <a:gd name="connsiteX2" fmla="*/ 3610 w 209951"/>
              <a:gd name="connsiteY2" fmla="*/ 279681 h 316801"/>
              <a:gd name="connsiteX3" fmla="*/ 164328 w 209951"/>
              <a:gd name="connsiteY3" fmla="*/ 11955 h 316801"/>
              <a:gd name="connsiteX4" fmla="*/ 209951 w 209951"/>
              <a:gd name="connsiteY4" fmla="*/ 24605 h 316801"/>
              <a:gd name="connsiteX5" fmla="*/ 209951 w 209951"/>
              <a:gd name="connsiteY5" fmla="*/ 292331 h 316801"/>
              <a:gd name="connsiteX6" fmla="*/ 185481 w 209951"/>
              <a:gd name="connsiteY6" fmla="*/ 316802 h 316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9951" h="316801">
                <a:moveTo>
                  <a:pt x="185273" y="316802"/>
                </a:moveTo>
                <a:lnTo>
                  <a:pt x="24555" y="316802"/>
                </a:lnTo>
                <a:cubicBezTo>
                  <a:pt x="5476" y="316802"/>
                  <a:pt x="-6344" y="296064"/>
                  <a:pt x="3610" y="279681"/>
                </a:cubicBezTo>
                <a:lnTo>
                  <a:pt x="164328" y="11955"/>
                </a:lnTo>
                <a:cubicBezTo>
                  <a:pt x="177186" y="-9405"/>
                  <a:pt x="209951" y="-280"/>
                  <a:pt x="209951" y="24605"/>
                </a:cubicBezTo>
                <a:lnTo>
                  <a:pt x="209951" y="292331"/>
                </a:lnTo>
                <a:cubicBezTo>
                  <a:pt x="209951" y="305811"/>
                  <a:pt x="198960" y="316802"/>
                  <a:pt x="185481" y="316802"/>
                </a:cubicBezTo>
              </a:path>
            </a:pathLst>
          </a:custGeom>
          <a:solidFill>
            <a:srgbClr val="F4862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nb-NO"/>
          </a:p>
        </p:txBody>
      </p:sp>
      <p:sp>
        <p:nvSpPr>
          <p:cNvPr id="27" name="Freeform: Shape 15">
            <a:extLst>
              <a:ext uri="{FF2B5EF4-FFF2-40B4-BE49-F238E27FC236}">
                <a16:creationId xmlns:a16="http://schemas.microsoft.com/office/drawing/2014/main" id="{3B25256A-12FE-3FAB-BD76-10FC06EF9F7D}"/>
              </a:ext>
            </a:extLst>
          </p:cNvPr>
          <p:cNvSpPr/>
          <p:nvPr userDrawn="1"/>
        </p:nvSpPr>
        <p:spPr>
          <a:xfrm>
            <a:off x="11134007" y="5558400"/>
            <a:ext cx="219794" cy="331653"/>
          </a:xfrm>
          <a:custGeom>
            <a:avLst/>
            <a:gdLst>
              <a:gd name="connsiteX0" fmla="*/ 185273 w 209951"/>
              <a:gd name="connsiteY0" fmla="*/ 316802 h 316801"/>
              <a:gd name="connsiteX1" fmla="*/ 24555 w 209951"/>
              <a:gd name="connsiteY1" fmla="*/ 316802 h 316801"/>
              <a:gd name="connsiteX2" fmla="*/ 3610 w 209951"/>
              <a:gd name="connsiteY2" fmla="*/ 279681 h 316801"/>
              <a:gd name="connsiteX3" fmla="*/ 164328 w 209951"/>
              <a:gd name="connsiteY3" fmla="*/ 11955 h 316801"/>
              <a:gd name="connsiteX4" fmla="*/ 209951 w 209951"/>
              <a:gd name="connsiteY4" fmla="*/ 24605 h 316801"/>
              <a:gd name="connsiteX5" fmla="*/ 209951 w 209951"/>
              <a:gd name="connsiteY5" fmla="*/ 292331 h 316801"/>
              <a:gd name="connsiteX6" fmla="*/ 185481 w 209951"/>
              <a:gd name="connsiteY6" fmla="*/ 316802 h 316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9951" h="316801">
                <a:moveTo>
                  <a:pt x="185273" y="316802"/>
                </a:moveTo>
                <a:lnTo>
                  <a:pt x="24555" y="316802"/>
                </a:lnTo>
                <a:cubicBezTo>
                  <a:pt x="5476" y="316802"/>
                  <a:pt x="-6344" y="296064"/>
                  <a:pt x="3610" y="279681"/>
                </a:cubicBezTo>
                <a:lnTo>
                  <a:pt x="164328" y="11955"/>
                </a:lnTo>
                <a:cubicBezTo>
                  <a:pt x="177186" y="-9405"/>
                  <a:pt x="209951" y="-280"/>
                  <a:pt x="209951" y="24605"/>
                </a:cubicBezTo>
                <a:lnTo>
                  <a:pt x="209951" y="292331"/>
                </a:lnTo>
                <a:cubicBezTo>
                  <a:pt x="209951" y="305811"/>
                  <a:pt x="198960" y="316802"/>
                  <a:pt x="185481" y="316802"/>
                </a:cubicBezTo>
              </a:path>
            </a:pathLst>
          </a:custGeom>
          <a:solidFill>
            <a:srgbClr val="F4862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58115896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Bilder (v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2" name="Bilde 1">
            <a:extLst>
              <a:ext uri="{FF2B5EF4-FFF2-40B4-BE49-F238E27FC236}">
                <a16:creationId xmlns:a16="http://schemas.microsoft.com/office/drawing/2014/main" id="{4048E809-A4B9-794D-10F7-F37BAEF9676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43" name="Plassholder for tekst 2">
            <a:extLst>
              <a:ext uri="{FF2B5EF4-FFF2-40B4-BE49-F238E27FC236}">
                <a16:creationId xmlns:a16="http://schemas.microsoft.com/office/drawing/2014/main" id="{0216C865-47C2-00B0-9534-6A86022920E1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1478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49" name="Plassholder for bilde 8">
            <a:extLst>
              <a:ext uri="{FF2B5EF4-FFF2-40B4-BE49-F238E27FC236}">
                <a16:creationId xmlns:a16="http://schemas.microsoft.com/office/drawing/2014/main" id="{02A85793-9D56-F3A1-1596-5630F094879C}"/>
              </a:ext>
            </a:extLst>
          </p:cNvPr>
          <p:cNvSpPr>
            <a:spLocks noGrp="1"/>
          </p:cNvSpPr>
          <p:nvPr>
            <p:ph type="pic" sz="quarter" idx="38" hasCustomPrompt="1"/>
          </p:nvPr>
        </p:nvSpPr>
        <p:spPr>
          <a:xfrm>
            <a:off x="831478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0" name="Plassholder for bilde 8">
            <a:extLst>
              <a:ext uri="{FF2B5EF4-FFF2-40B4-BE49-F238E27FC236}">
                <a16:creationId xmlns:a16="http://schemas.microsoft.com/office/drawing/2014/main" id="{3AEC5AE1-6BE8-9476-337F-52D4A743EF56}"/>
              </a:ext>
            </a:extLst>
          </p:cNvPr>
          <p:cNvSpPr>
            <a:spLocks noGrp="1"/>
          </p:cNvSpPr>
          <p:nvPr>
            <p:ph type="pic" sz="quarter" idx="39" hasCustomPrompt="1"/>
          </p:nvPr>
        </p:nvSpPr>
        <p:spPr>
          <a:xfrm>
            <a:off x="2622552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1" name="Plassholder for bilde 8">
            <a:extLst>
              <a:ext uri="{FF2B5EF4-FFF2-40B4-BE49-F238E27FC236}">
                <a16:creationId xmlns:a16="http://schemas.microsoft.com/office/drawing/2014/main" id="{AC6C25BE-265B-C6D8-69A6-49442D03AB80}"/>
              </a:ext>
            </a:extLst>
          </p:cNvPr>
          <p:cNvSpPr>
            <a:spLocks noGrp="1"/>
          </p:cNvSpPr>
          <p:nvPr>
            <p:ph type="pic" sz="quarter" idx="40" hasCustomPrompt="1"/>
          </p:nvPr>
        </p:nvSpPr>
        <p:spPr>
          <a:xfrm>
            <a:off x="4413626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2" name="Plassholder for bilde 8">
            <a:extLst>
              <a:ext uri="{FF2B5EF4-FFF2-40B4-BE49-F238E27FC236}">
                <a16:creationId xmlns:a16="http://schemas.microsoft.com/office/drawing/2014/main" id="{8E1508F4-ACCB-FBE9-3EAD-970AAB67D863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204700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3" name="Plassholder for bilde 8">
            <a:extLst>
              <a:ext uri="{FF2B5EF4-FFF2-40B4-BE49-F238E27FC236}">
                <a16:creationId xmlns:a16="http://schemas.microsoft.com/office/drawing/2014/main" id="{C926433D-6769-3E06-C662-72FAF7DD71B5}"/>
              </a:ext>
            </a:extLst>
          </p:cNvPr>
          <p:cNvSpPr>
            <a:spLocks noGrp="1"/>
          </p:cNvSpPr>
          <p:nvPr>
            <p:ph type="pic" sz="quarter" idx="42" hasCustomPrompt="1"/>
          </p:nvPr>
        </p:nvSpPr>
        <p:spPr>
          <a:xfrm>
            <a:off x="7995774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5" name="Plassholder for bilde 8">
            <a:extLst>
              <a:ext uri="{FF2B5EF4-FFF2-40B4-BE49-F238E27FC236}">
                <a16:creationId xmlns:a16="http://schemas.microsoft.com/office/drawing/2014/main" id="{8AAE4EEE-9F8F-96A5-7631-B39CD25ED582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9786846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6" name="Plassholder for tekst 2">
            <a:extLst>
              <a:ext uri="{FF2B5EF4-FFF2-40B4-BE49-F238E27FC236}">
                <a16:creationId xmlns:a16="http://schemas.microsoft.com/office/drawing/2014/main" id="{7863BA22-A604-E876-91EA-8E474376DF21}"/>
              </a:ext>
            </a:extLst>
          </p:cNvPr>
          <p:cNvSpPr>
            <a:spLocks noGrp="1"/>
          </p:cNvSpPr>
          <p:nvPr>
            <p:ph type="body" idx="44" hasCustomPrompt="1"/>
          </p:nvPr>
        </p:nvSpPr>
        <p:spPr>
          <a:xfrm>
            <a:off x="2622552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7" name="Plassholder for tekst 2">
            <a:extLst>
              <a:ext uri="{FF2B5EF4-FFF2-40B4-BE49-F238E27FC236}">
                <a16:creationId xmlns:a16="http://schemas.microsoft.com/office/drawing/2014/main" id="{110F2602-FCA5-21AA-FE23-026DDB9B7142}"/>
              </a:ext>
            </a:extLst>
          </p:cNvPr>
          <p:cNvSpPr>
            <a:spLocks noGrp="1"/>
          </p:cNvSpPr>
          <p:nvPr>
            <p:ph type="body" idx="45" hasCustomPrompt="1"/>
          </p:nvPr>
        </p:nvSpPr>
        <p:spPr>
          <a:xfrm>
            <a:off x="4413626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8" name="Plassholder for tekst 2">
            <a:extLst>
              <a:ext uri="{FF2B5EF4-FFF2-40B4-BE49-F238E27FC236}">
                <a16:creationId xmlns:a16="http://schemas.microsoft.com/office/drawing/2014/main" id="{083788E0-3FE7-F2BB-0796-EC8797C05B66}"/>
              </a:ext>
            </a:extLst>
          </p:cNvPr>
          <p:cNvSpPr>
            <a:spLocks noGrp="1"/>
          </p:cNvSpPr>
          <p:nvPr>
            <p:ph type="body" idx="46" hasCustomPrompt="1"/>
          </p:nvPr>
        </p:nvSpPr>
        <p:spPr>
          <a:xfrm>
            <a:off x="6204700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9" name="Plassholder for tekst 2">
            <a:extLst>
              <a:ext uri="{FF2B5EF4-FFF2-40B4-BE49-F238E27FC236}">
                <a16:creationId xmlns:a16="http://schemas.microsoft.com/office/drawing/2014/main" id="{F518D76E-9C8C-7FC3-2374-E9BB932AC7BC}"/>
              </a:ext>
            </a:extLst>
          </p:cNvPr>
          <p:cNvSpPr>
            <a:spLocks noGrp="1"/>
          </p:cNvSpPr>
          <p:nvPr>
            <p:ph type="body" idx="47" hasCustomPrompt="1"/>
          </p:nvPr>
        </p:nvSpPr>
        <p:spPr>
          <a:xfrm>
            <a:off x="7995774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60" name="Plassholder for tekst 2">
            <a:extLst>
              <a:ext uri="{FF2B5EF4-FFF2-40B4-BE49-F238E27FC236}">
                <a16:creationId xmlns:a16="http://schemas.microsoft.com/office/drawing/2014/main" id="{F95D8F59-61D6-70B5-4880-67640AD2A7AC}"/>
              </a:ext>
            </a:extLst>
          </p:cNvPr>
          <p:cNvSpPr>
            <a:spLocks noGrp="1"/>
          </p:cNvSpPr>
          <p:nvPr>
            <p:ph type="body" idx="48" hasCustomPrompt="1"/>
          </p:nvPr>
        </p:nvSpPr>
        <p:spPr>
          <a:xfrm>
            <a:off x="9786846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65" name="Tittel 1">
            <a:extLst>
              <a:ext uri="{FF2B5EF4-FFF2-40B4-BE49-F238E27FC236}">
                <a16:creationId xmlns:a16="http://schemas.microsoft.com/office/drawing/2014/main" id="{7E4CF2B4-797D-A6C4-4847-226681D144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3516067650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Bilder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CB5DEFFC-D7C4-6B35-6CEB-9E471EACDB7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5" name="Plassholder for bilde 7">
            <a:extLst>
              <a:ext uri="{FF2B5EF4-FFF2-40B4-BE49-F238E27FC236}">
                <a16:creationId xmlns:a16="http://schemas.microsoft.com/office/drawing/2014/main" id="{F9D0DD48-D3B5-E6B7-A0AD-3711AFFC6E2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838200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579B4212-6066-1936-99A9-F11830993D55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4584795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9" name="Plassholder for bilde 7">
            <a:extLst>
              <a:ext uri="{FF2B5EF4-FFF2-40B4-BE49-F238E27FC236}">
                <a16:creationId xmlns:a16="http://schemas.microsoft.com/office/drawing/2014/main" id="{9FF8982C-B885-8393-46D0-D8BEC14E2DE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83206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5" name="Plassholder for tekst 2">
            <a:extLst>
              <a:ext uri="{FF2B5EF4-FFF2-40B4-BE49-F238E27FC236}">
                <a16:creationId xmlns:a16="http://schemas.microsoft.com/office/drawing/2014/main" id="{3DAF464D-5150-2CD2-B287-E5DE65E0CEB1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336524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6" name="Plassholder for bilde 7">
            <a:extLst>
              <a:ext uri="{FF2B5EF4-FFF2-40B4-BE49-F238E27FC236}">
                <a16:creationId xmlns:a16="http://schemas.microsoft.com/office/drawing/2014/main" id="{C4CB5FB2-868E-866B-B7FA-1A4A8EBBDB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34935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1" name="Tittel 1">
            <a:extLst>
              <a:ext uri="{FF2B5EF4-FFF2-40B4-BE49-F238E27FC236}">
                <a16:creationId xmlns:a16="http://schemas.microsoft.com/office/drawing/2014/main" id="{0321C738-ECD7-CCB3-D765-A186C53694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E357181C-3944-182F-334F-B3748AE335AE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847383" y="3838556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7" name="Plassholder for bilde 7">
            <a:extLst>
              <a:ext uri="{FF2B5EF4-FFF2-40B4-BE49-F238E27FC236}">
                <a16:creationId xmlns:a16="http://schemas.microsoft.com/office/drawing/2014/main" id="{F000B82B-10B3-4534-A66C-BF9ACBAD7F6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845794" y="4450556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9655EA49-F11E-DD9D-6503-1DE6413A690F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4592389" y="3838556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9" name="Plassholder for bilde 7">
            <a:extLst>
              <a:ext uri="{FF2B5EF4-FFF2-40B4-BE49-F238E27FC236}">
                <a16:creationId xmlns:a16="http://schemas.microsoft.com/office/drawing/2014/main" id="{DC97E4C9-16DA-6949-F1AF-EF19A0AF2787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4590800" y="4450556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0" name="Plassholder for tekst 2">
            <a:extLst>
              <a:ext uri="{FF2B5EF4-FFF2-40B4-BE49-F238E27FC236}">
                <a16:creationId xmlns:a16="http://schemas.microsoft.com/office/drawing/2014/main" id="{F7774074-FC60-E110-5F70-27A23896EEC9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8344118" y="3838556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22" name="Plassholder for bilde 7">
            <a:extLst>
              <a:ext uri="{FF2B5EF4-FFF2-40B4-BE49-F238E27FC236}">
                <a16:creationId xmlns:a16="http://schemas.microsoft.com/office/drawing/2014/main" id="{CF5E2BC3-0E12-CE9D-A54E-FA0396D7191C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342529" y="4450556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97485677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2" name="Bilde 1">
            <a:extLst>
              <a:ext uri="{FF2B5EF4-FFF2-40B4-BE49-F238E27FC236}">
                <a16:creationId xmlns:a16="http://schemas.microsoft.com/office/drawing/2014/main" id="{4048E809-A4B9-794D-10F7-F37BAEF9676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43" name="Plassholder for tekst 2">
            <a:extLst>
              <a:ext uri="{FF2B5EF4-FFF2-40B4-BE49-F238E27FC236}">
                <a16:creationId xmlns:a16="http://schemas.microsoft.com/office/drawing/2014/main" id="{0216C865-47C2-00B0-9534-6A86022920E1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1478" y="1502430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49" name="Plassholder for bilde 8">
            <a:extLst>
              <a:ext uri="{FF2B5EF4-FFF2-40B4-BE49-F238E27FC236}">
                <a16:creationId xmlns:a16="http://schemas.microsoft.com/office/drawing/2014/main" id="{02A85793-9D56-F3A1-1596-5630F094879C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>
          <a:xfrm>
            <a:off x="831478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52" name="Plassholder for bilde 8">
            <a:extLst>
              <a:ext uri="{FF2B5EF4-FFF2-40B4-BE49-F238E27FC236}">
                <a16:creationId xmlns:a16="http://schemas.microsoft.com/office/drawing/2014/main" id="{8E1508F4-ACCB-FBE9-3EAD-970AAB67D863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>
          <a:xfrm>
            <a:off x="3569749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55" name="Plassholder for bilde 8">
            <a:extLst>
              <a:ext uri="{FF2B5EF4-FFF2-40B4-BE49-F238E27FC236}">
                <a16:creationId xmlns:a16="http://schemas.microsoft.com/office/drawing/2014/main" id="{8AAE4EEE-9F8F-96A5-7631-B39CD25ED582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308020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58" name="Plassholder for tekst 2">
            <a:extLst>
              <a:ext uri="{FF2B5EF4-FFF2-40B4-BE49-F238E27FC236}">
                <a16:creationId xmlns:a16="http://schemas.microsoft.com/office/drawing/2014/main" id="{083788E0-3FE7-F2BB-0796-EC8797C05B66}"/>
              </a:ext>
            </a:extLst>
          </p:cNvPr>
          <p:cNvSpPr>
            <a:spLocks noGrp="1"/>
          </p:cNvSpPr>
          <p:nvPr>
            <p:ph type="body" idx="46" hasCustomPrompt="1"/>
          </p:nvPr>
        </p:nvSpPr>
        <p:spPr>
          <a:xfrm>
            <a:off x="3569749" y="1502430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60" name="Plassholder for tekst 2">
            <a:extLst>
              <a:ext uri="{FF2B5EF4-FFF2-40B4-BE49-F238E27FC236}">
                <a16:creationId xmlns:a16="http://schemas.microsoft.com/office/drawing/2014/main" id="{F95D8F59-61D6-70B5-4880-67640AD2A7AC}"/>
              </a:ext>
            </a:extLst>
          </p:cNvPr>
          <p:cNvSpPr>
            <a:spLocks noGrp="1"/>
          </p:cNvSpPr>
          <p:nvPr>
            <p:ph type="body" idx="48" hasCustomPrompt="1"/>
          </p:nvPr>
        </p:nvSpPr>
        <p:spPr>
          <a:xfrm>
            <a:off x="6308020" y="1502430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" name="Plassholder for bilde 8">
            <a:extLst>
              <a:ext uri="{FF2B5EF4-FFF2-40B4-BE49-F238E27FC236}">
                <a16:creationId xmlns:a16="http://schemas.microsoft.com/office/drawing/2014/main" id="{AE878338-A930-AD9C-8F64-7659FF69DF26}"/>
              </a:ext>
            </a:extLst>
          </p:cNvPr>
          <p:cNvSpPr>
            <a:spLocks noGrp="1"/>
          </p:cNvSpPr>
          <p:nvPr>
            <p:ph type="pic" sz="quarter" idx="49"/>
          </p:nvPr>
        </p:nvSpPr>
        <p:spPr>
          <a:xfrm>
            <a:off x="9046291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0253B3FF-EF18-2696-A213-A83D77188778}"/>
              </a:ext>
            </a:extLst>
          </p:cNvPr>
          <p:cNvSpPr>
            <a:spLocks noGrp="1"/>
          </p:cNvSpPr>
          <p:nvPr>
            <p:ph type="body" idx="50" hasCustomPrompt="1"/>
          </p:nvPr>
        </p:nvSpPr>
        <p:spPr>
          <a:xfrm>
            <a:off x="9046291" y="1502430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3" name="Plassholder for bilde 8">
            <a:extLst>
              <a:ext uri="{FF2B5EF4-FFF2-40B4-BE49-F238E27FC236}">
                <a16:creationId xmlns:a16="http://schemas.microsoft.com/office/drawing/2014/main" id="{97F1F746-ED1D-ECA3-C751-F29B0B485375}"/>
              </a:ext>
            </a:extLst>
          </p:cNvPr>
          <p:cNvSpPr>
            <a:spLocks noGrp="1"/>
          </p:cNvSpPr>
          <p:nvPr>
            <p:ph type="pic" sz="quarter" idx="53"/>
          </p:nvPr>
        </p:nvSpPr>
        <p:spPr>
          <a:xfrm>
            <a:off x="2204873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4" name="Plassholder for bilde 8">
            <a:extLst>
              <a:ext uri="{FF2B5EF4-FFF2-40B4-BE49-F238E27FC236}">
                <a16:creationId xmlns:a16="http://schemas.microsoft.com/office/drawing/2014/main" id="{2F4277C5-FFD4-37D9-1CF3-2454E2F2EF7B}"/>
              </a:ext>
            </a:extLst>
          </p:cNvPr>
          <p:cNvSpPr>
            <a:spLocks noGrp="1"/>
          </p:cNvSpPr>
          <p:nvPr>
            <p:ph type="pic" sz="quarter" idx="54"/>
          </p:nvPr>
        </p:nvSpPr>
        <p:spPr>
          <a:xfrm>
            <a:off x="4943144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5" name="Plassholder for tekst 2">
            <a:extLst>
              <a:ext uri="{FF2B5EF4-FFF2-40B4-BE49-F238E27FC236}">
                <a16:creationId xmlns:a16="http://schemas.microsoft.com/office/drawing/2014/main" id="{E02CF2BA-8B43-251E-FA25-2606AA231EB9}"/>
              </a:ext>
            </a:extLst>
          </p:cNvPr>
          <p:cNvSpPr>
            <a:spLocks noGrp="1"/>
          </p:cNvSpPr>
          <p:nvPr>
            <p:ph type="body" idx="55" hasCustomPrompt="1"/>
          </p:nvPr>
        </p:nvSpPr>
        <p:spPr>
          <a:xfrm>
            <a:off x="2204873" y="3864209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6" name="Plassholder for tekst 2">
            <a:extLst>
              <a:ext uri="{FF2B5EF4-FFF2-40B4-BE49-F238E27FC236}">
                <a16:creationId xmlns:a16="http://schemas.microsoft.com/office/drawing/2014/main" id="{9D980F3E-68D9-E050-B6E5-70EE446D01FE}"/>
              </a:ext>
            </a:extLst>
          </p:cNvPr>
          <p:cNvSpPr>
            <a:spLocks noGrp="1"/>
          </p:cNvSpPr>
          <p:nvPr>
            <p:ph type="body" idx="56" hasCustomPrompt="1"/>
          </p:nvPr>
        </p:nvSpPr>
        <p:spPr>
          <a:xfrm>
            <a:off x="4943144" y="3864209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7" name="Plassholder for bilde 8">
            <a:extLst>
              <a:ext uri="{FF2B5EF4-FFF2-40B4-BE49-F238E27FC236}">
                <a16:creationId xmlns:a16="http://schemas.microsoft.com/office/drawing/2014/main" id="{566499BD-1118-679D-9C95-1CDC349F9D0E}"/>
              </a:ext>
            </a:extLst>
          </p:cNvPr>
          <p:cNvSpPr>
            <a:spLocks noGrp="1"/>
          </p:cNvSpPr>
          <p:nvPr>
            <p:ph type="pic" sz="quarter" idx="57"/>
          </p:nvPr>
        </p:nvSpPr>
        <p:spPr>
          <a:xfrm>
            <a:off x="7681415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E2C37CDB-FA3D-9CF1-F030-5A5CEA6D6A46}"/>
              </a:ext>
            </a:extLst>
          </p:cNvPr>
          <p:cNvSpPr>
            <a:spLocks noGrp="1"/>
          </p:cNvSpPr>
          <p:nvPr>
            <p:ph type="body" idx="58" hasCustomPrompt="1"/>
          </p:nvPr>
        </p:nvSpPr>
        <p:spPr>
          <a:xfrm>
            <a:off x="7681415" y="3864209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3" name="Tittel 1">
            <a:extLst>
              <a:ext uri="{FF2B5EF4-FFF2-40B4-BE49-F238E27FC236}">
                <a16:creationId xmlns:a16="http://schemas.microsoft.com/office/drawing/2014/main" id="{BBB7AF09-F2EB-4DBB-CF93-129E42C92E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2150773023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2" name="Bilde 1">
            <a:extLst>
              <a:ext uri="{FF2B5EF4-FFF2-40B4-BE49-F238E27FC236}">
                <a16:creationId xmlns:a16="http://schemas.microsoft.com/office/drawing/2014/main" id="{4048E809-A4B9-794D-10F7-F37BAEF9676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43" name="Plassholder for tekst 2">
            <a:extLst>
              <a:ext uri="{FF2B5EF4-FFF2-40B4-BE49-F238E27FC236}">
                <a16:creationId xmlns:a16="http://schemas.microsoft.com/office/drawing/2014/main" id="{0216C865-47C2-00B0-9534-6A86022920E1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1478" y="1501200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49" name="Plassholder for bilde 8">
            <a:extLst>
              <a:ext uri="{FF2B5EF4-FFF2-40B4-BE49-F238E27FC236}">
                <a16:creationId xmlns:a16="http://schemas.microsoft.com/office/drawing/2014/main" id="{02A85793-9D56-F3A1-1596-5630F094879C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>
          <a:xfrm>
            <a:off x="831478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</p:txBody>
      </p:sp>
      <p:sp>
        <p:nvSpPr>
          <p:cNvPr id="52" name="Plassholder for bilde 8">
            <a:extLst>
              <a:ext uri="{FF2B5EF4-FFF2-40B4-BE49-F238E27FC236}">
                <a16:creationId xmlns:a16="http://schemas.microsoft.com/office/drawing/2014/main" id="{8E1508F4-ACCB-FBE9-3EAD-970AAB67D863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>
          <a:xfrm>
            <a:off x="3569749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55" name="Plassholder for bilde 8">
            <a:extLst>
              <a:ext uri="{FF2B5EF4-FFF2-40B4-BE49-F238E27FC236}">
                <a16:creationId xmlns:a16="http://schemas.microsoft.com/office/drawing/2014/main" id="{8AAE4EEE-9F8F-96A5-7631-B39CD25ED582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308020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58" name="Plassholder for tekst 2">
            <a:extLst>
              <a:ext uri="{FF2B5EF4-FFF2-40B4-BE49-F238E27FC236}">
                <a16:creationId xmlns:a16="http://schemas.microsoft.com/office/drawing/2014/main" id="{083788E0-3FE7-F2BB-0796-EC8797C05B66}"/>
              </a:ext>
            </a:extLst>
          </p:cNvPr>
          <p:cNvSpPr>
            <a:spLocks noGrp="1"/>
          </p:cNvSpPr>
          <p:nvPr>
            <p:ph type="body" idx="46" hasCustomPrompt="1"/>
          </p:nvPr>
        </p:nvSpPr>
        <p:spPr>
          <a:xfrm>
            <a:off x="3569749" y="1501200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60" name="Plassholder for tekst 2">
            <a:extLst>
              <a:ext uri="{FF2B5EF4-FFF2-40B4-BE49-F238E27FC236}">
                <a16:creationId xmlns:a16="http://schemas.microsoft.com/office/drawing/2014/main" id="{F95D8F59-61D6-70B5-4880-67640AD2A7AC}"/>
              </a:ext>
            </a:extLst>
          </p:cNvPr>
          <p:cNvSpPr>
            <a:spLocks noGrp="1"/>
          </p:cNvSpPr>
          <p:nvPr>
            <p:ph type="body" idx="48" hasCustomPrompt="1"/>
          </p:nvPr>
        </p:nvSpPr>
        <p:spPr>
          <a:xfrm>
            <a:off x="6308020" y="1501200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" name="Plassholder for bilde 8">
            <a:extLst>
              <a:ext uri="{FF2B5EF4-FFF2-40B4-BE49-F238E27FC236}">
                <a16:creationId xmlns:a16="http://schemas.microsoft.com/office/drawing/2014/main" id="{AE878338-A930-AD9C-8F64-7659FF69DF26}"/>
              </a:ext>
            </a:extLst>
          </p:cNvPr>
          <p:cNvSpPr>
            <a:spLocks noGrp="1"/>
          </p:cNvSpPr>
          <p:nvPr>
            <p:ph type="pic" sz="quarter" idx="49"/>
          </p:nvPr>
        </p:nvSpPr>
        <p:spPr>
          <a:xfrm>
            <a:off x="9046291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0253B3FF-EF18-2696-A213-A83D77188778}"/>
              </a:ext>
            </a:extLst>
          </p:cNvPr>
          <p:cNvSpPr>
            <a:spLocks noGrp="1"/>
          </p:cNvSpPr>
          <p:nvPr>
            <p:ph type="body" idx="50" hasCustomPrompt="1"/>
          </p:nvPr>
        </p:nvSpPr>
        <p:spPr>
          <a:xfrm>
            <a:off x="9046291" y="1501200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2" name="Plassholder for bilde 8">
            <a:extLst>
              <a:ext uri="{FF2B5EF4-FFF2-40B4-BE49-F238E27FC236}">
                <a16:creationId xmlns:a16="http://schemas.microsoft.com/office/drawing/2014/main" id="{2DD7E2EC-01C3-088C-18A9-A21C6D22D0CC}"/>
              </a:ext>
            </a:extLst>
          </p:cNvPr>
          <p:cNvSpPr>
            <a:spLocks noGrp="1"/>
          </p:cNvSpPr>
          <p:nvPr>
            <p:ph type="pic" sz="quarter" idx="52"/>
          </p:nvPr>
        </p:nvSpPr>
        <p:spPr>
          <a:xfrm>
            <a:off x="831478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3" name="Plassholder for bilde 8">
            <a:extLst>
              <a:ext uri="{FF2B5EF4-FFF2-40B4-BE49-F238E27FC236}">
                <a16:creationId xmlns:a16="http://schemas.microsoft.com/office/drawing/2014/main" id="{97F1F746-ED1D-ECA3-C751-F29B0B485375}"/>
              </a:ext>
            </a:extLst>
          </p:cNvPr>
          <p:cNvSpPr>
            <a:spLocks noGrp="1"/>
          </p:cNvSpPr>
          <p:nvPr>
            <p:ph type="pic" sz="quarter" idx="53"/>
          </p:nvPr>
        </p:nvSpPr>
        <p:spPr>
          <a:xfrm>
            <a:off x="3569749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4" name="Plassholder for bilde 8">
            <a:extLst>
              <a:ext uri="{FF2B5EF4-FFF2-40B4-BE49-F238E27FC236}">
                <a16:creationId xmlns:a16="http://schemas.microsoft.com/office/drawing/2014/main" id="{2F4277C5-FFD4-37D9-1CF3-2454E2F2EF7B}"/>
              </a:ext>
            </a:extLst>
          </p:cNvPr>
          <p:cNvSpPr>
            <a:spLocks noGrp="1"/>
          </p:cNvSpPr>
          <p:nvPr>
            <p:ph type="pic" sz="quarter" idx="54"/>
          </p:nvPr>
        </p:nvSpPr>
        <p:spPr>
          <a:xfrm>
            <a:off x="6308020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7" name="Plassholder for bilde 8">
            <a:extLst>
              <a:ext uri="{FF2B5EF4-FFF2-40B4-BE49-F238E27FC236}">
                <a16:creationId xmlns:a16="http://schemas.microsoft.com/office/drawing/2014/main" id="{566499BD-1118-679D-9C95-1CDC349F9D0E}"/>
              </a:ext>
            </a:extLst>
          </p:cNvPr>
          <p:cNvSpPr>
            <a:spLocks noGrp="1"/>
          </p:cNvSpPr>
          <p:nvPr>
            <p:ph type="pic" sz="quarter" idx="57"/>
          </p:nvPr>
        </p:nvSpPr>
        <p:spPr>
          <a:xfrm>
            <a:off x="9046291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4" name="Tittel 1">
            <a:extLst>
              <a:ext uri="{FF2B5EF4-FFF2-40B4-BE49-F238E27FC236}">
                <a16:creationId xmlns:a16="http://schemas.microsoft.com/office/drawing/2014/main" id="{59A7167C-BAA1-4A10-1B98-1A00582557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576CEBF6-3BE1-5E42-6061-F6926D31797C}"/>
              </a:ext>
            </a:extLst>
          </p:cNvPr>
          <p:cNvSpPr>
            <a:spLocks noGrp="1"/>
          </p:cNvSpPr>
          <p:nvPr>
            <p:ph type="body" idx="58" hasCustomPrompt="1"/>
          </p:nvPr>
        </p:nvSpPr>
        <p:spPr>
          <a:xfrm>
            <a:off x="831478" y="3864209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8" name="Plassholder for tekst 2">
            <a:extLst>
              <a:ext uri="{FF2B5EF4-FFF2-40B4-BE49-F238E27FC236}">
                <a16:creationId xmlns:a16="http://schemas.microsoft.com/office/drawing/2014/main" id="{0FFD279D-1973-5BD8-6E81-9CB6D66CDEB9}"/>
              </a:ext>
            </a:extLst>
          </p:cNvPr>
          <p:cNvSpPr>
            <a:spLocks noGrp="1"/>
          </p:cNvSpPr>
          <p:nvPr>
            <p:ph type="body" idx="59" hasCustomPrompt="1"/>
          </p:nvPr>
        </p:nvSpPr>
        <p:spPr>
          <a:xfrm>
            <a:off x="3569749" y="3864209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9" name="Plassholder for tekst 2">
            <a:extLst>
              <a:ext uri="{FF2B5EF4-FFF2-40B4-BE49-F238E27FC236}">
                <a16:creationId xmlns:a16="http://schemas.microsoft.com/office/drawing/2014/main" id="{68A3FA0C-01AD-17E2-9321-71045DF2D574}"/>
              </a:ext>
            </a:extLst>
          </p:cNvPr>
          <p:cNvSpPr>
            <a:spLocks noGrp="1"/>
          </p:cNvSpPr>
          <p:nvPr>
            <p:ph type="body" idx="60" hasCustomPrompt="1"/>
          </p:nvPr>
        </p:nvSpPr>
        <p:spPr>
          <a:xfrm>
            <a:off x="6308020" y="3864209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9" name="Plassholder for tekst 2">
            <a:extLst>
              <a:ext uri="{FF2B5EF4-FFF2-40B4-BE49-F238E27FC236}">
                <a16:creationId xmlns:a16="http://schemas.microsoft.com/office/drawing/2014/main" id="{708F4737-FA4E-521E-70AA-1214CEAD3C81}"/>
              </a:ext>
            </a:extLst>
          </p:cNvPr>
          <p:cNvSpPr>
            <a:spLocks noGrp="1"/>
          </p:cNvSpPr>
          <p:nvPr>
            <p:ph type="body" idx="61" hasCustomPrompt="1"/>
          </p:nvPr>
        </p:nvSpPr>
        <p:spPr>
          <a:xfrm>
            <a:off x="9046291" y="3864209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</p:spTree>
    <p:extLst>
      <p:ext uri="{BB962C8B-B14F-4D97-AF65-F5344CB8AC3E}">
        <p14:creationId xmlns:p14="http://schemas.microsoft.com/office/powerpoint/2010/main" val="321252316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med 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5F592ED2-40D1-40DD-AF3A-4A21567A3FD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9" name="Plassholder for tekst 11">
            <a:extLst>
              <a:ext uri="{FF2B5EF4-FFF2-40B4-BE49-F238E27FC236}">
                <a16:creationId xmlns:a16="http://schemas.microsoft.com/office/drawing/2014/main" id="{2F858608-64D6-331C-085A-0C66685BB95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38201" y="417600"/>
            <a:ext cx="10530384" cy="946800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3200" b="1">
                <a:latin typeface="+mj-lt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2218595809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4" name="Bilde 3">
            <a:extLst>
              <a:ext uri="{FF2B5EF4-FFF2-40B4-BE49-F238E27FC236}">
                <a16:creationId xmlns:a16="http://schemas.microsoft.com/office/drawing/2014/main" id="{F63673BC-C236-E72F-EECA-EF7932B4198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0508607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e 2">
            <a:extLst>
              <a:ext uri="{FF2B5EF4-FFF2-40B4-BE49-F238E27FC236}">
                <a16:creationId xmlns:a16="http://schemas.microsoft.com/office/drawing/2014/main" id="{EA1DF8E2-A065-3600-6EB2-A554FC0AFFE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2" name="Tittel 1">
            <a:extLst>
              <a:ext uri="{FF2B5EF4-FFF2-40B4-BE49-F238E27FC236}">
                <a16:creationId xmlns:a16="http://schemas.microsoft.com/office/drawing/2014/main" id="{E2CA3827-621B-C676-47D3-201B124EF45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199" y="5745270"/>
            <a:ext cx="9585961" cy="911562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for å redigere tittel</a:t>
            </a:r>
          </a:p>
        </p:txBody>
      </p:sp>
      <p:pic>
        <p:nvPicPr>
          <p:cNvPr id="7" name="Bilde 6">
            <a:extLst>
              <a:ext uri="{FF2B5EF4-FFF2-40B4-BE49-F238E27FC236}">
                <a16:creationId xmlns:a16="http://schemas.microsoft.com/office/drawing/2014/main" id="{ABFD2521-1490-D72D-EE7C-8EE5F2D435B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6" name="Plassholder for bilde 15">
            <a:extLst>
              <a:ext uri="{FF2B5EF4-FFF2-40B4-BE49-F238E27FC236}">
                <a16:creationId xmlns:a16="http://schemas.microsoft.com/office/drawing/2014/main" id="{3C56B254-A437-A010-A101-B2076D4632E2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38199" y="818284"/>
            <a:ext cx="10507114" cy="4540569"/>
          </a:xfrm>
          <a:custGeom>
            <a:avLst/>
            <a:gdLst>
              <a:gd name="connsiteX0" fmla="*/ 1170454 w 10507114"/>
              <a:gd name="connsiteY0" fmla="*/ 0 h 4540569"/>
              <a:gd name="connsiteX1" fmla="*/ 7149362 w 10507114"/>
              <a:gd name="connsiteY1" fmla="*/ 0 h 4540569"/>
              <a:gd name="connsiteX2" fmla="*/ 7373349 w 10507114"/>
              <a:gd name="connsiteY2" fmla="*/ 223851 h 4540569"/>
              <a:gd name="connsiteX3" fmla="*/ 7373349 w 10507114"/>
              <a:gd name="connsiteY3" fmla="*/ 930152 h 4540569"/>
              <a:gd name="connsiteX4" fmla="*/ 7789401 w 10507114"/>
              <a:gd name="connsiteY4" fmla="*/ 1045341 h 4540569"/>
              <a:gd name="connsiteX5" fmla="*/ 8351739 w 10507114"/>
              <a:gd name="connsiteY5" fmla="*/ 108662 h 4540569"/>
              <a:gd name="connsiteX6" fmla="*/ 8543803 w 10507114"/>
              <a:gd name="connsiteY6" fmla="*/ 0 h 4540569"/>
              <a:gd name="connsiteX7" fmla="*/ 10283127 w 10507114"/>
              <a:gd name="connsiteY7" fmla="*/ 0 h 4540569"/>
              <a:gd name="connsiteX8" fmla="*/ 10507114 w 10507114"/>
              <a:gd name="connsiteY8" fmla="*/ 223851 h 4540569"/>
              <a:gd name="connsiteX9" fmla="*/ 10507114 w 10507114"/>
              <a:gd name="connsiteY9" fmla="*/ 2740072 h 4540569"/>
              <a:gd name="connsiteX10" fmla="*/ 10475033 w 10507114"/>
              <a:gd name="connsiteY10" fmla="*/ 2855473 h 4540569"/>
              <a:gd name="connsiteX11" fmla="*/ 9525932 w 10507114"/>
              <a:gd name="connsiteY11" fmla="*/ 4432119 h 4540569"/>
              <a:gd name="connsiteX12" fmla="*/ 9334026 w 10507114"/>
              <a:gd name="connsiteY12" fmla="*/ 4540569 h 4540569"/>
              <a:gd name="connsiteX13" fmla="*/ 223987 w 10507114"/>
              <a:gd name="connsiteY13" fmla="*/ 4540569 h 4540569"/>
              <a:gd name="connsiteX14" fmla="*/ 0 w 10507114"/>
              <a:gd name="connsiteY14" fmla="*/ 4316718 h 4540569"/>
              <a:gd name="connsiteX15" fmla="*/ 0 w 10507114"/>
              <a:gd name="connsiteY15" fmla="*/ 1800392 h 4540569"/>
              <a:gd name="connsiteX16" fmla="*/ 31923 w 10507114"/>
              <a:gd name="connsiteY16" fmla="*/ 1685202 h 4540569"/>
              <a:gd name="connsiteX17" fmla="*/ 978390 w 10507114"/>
              <a:gd name="connsiteY17" fmla="*/ 108662 h 4540569"/>
              <a:gd name="connsiteX18" fmla="*/ 1170454 w 10507114"/>
              <a:gd name="connsiteY18" fmla="*/ 0 h 45405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10507114" h="4540569">
                <a:moveTo>
                  <a:pt x="1170454" y="0"/>
                </a:moveTo>
                <a:lnTo>
                  <a:pt x="7149362" y="0"/>
                </a:lnTo>
                <a:cubicBezTo>
                  <a:pt x="7273050" y="0"/>
                  <a:pt x="7373349" y="100238"/>
                  <a:pt x="7373349" y="223851"/>
                </a:cubicBezTo>
                <a:lnTo>
                  <a:pt x="7373349" y="930152"/>
                </a:lnTo>
                <a:cubicBezTo>
                  <a:pt x="7373349" y="1157214"/>
                  <a:pt x="7672508" y="1240027"/>
                  <a:pt x="7789401" y="1045341"/>
                </a:cubicBezTo>
                <a:lnTo>
                  <a:pt x="8351739" y="108662"/>
                </a:lnTo>
                <a:cubicBezTo>
                  <a:pt x="8392195" y="41275"/>
                  <a:pt x="8465101" y="0"/>
                  <a:pt x="8543803" y="0"/>
                </a:cubicBezTo>
                <a:lnTo>
                  <a:pt x="10283127" y="0"/>
                </a:lnTo>
                <a:cubicBezTo>
                  <a:pt x="10406815" y="0"/>
                  <a:pt x="10507114" y="100238"/>
                  <a:pt x="10507114" y="223851"/>
                </a:cubicBezTo>
                <a:lnTo>
                  <a:pt x="10507114" y="2740072"/>
                </a:lnTo>
                <a:cubicBezTo>
                  <a:pt x="10507114" y="2780715"/>
                  <a:pt x="10495999" y="2820621"/>
                  <a:pt x="10475033" y="2855473"/>
                </a:cubicBezTo>
                <a:lnTo>
                  <a:pt x="9525932" y="4432119"/>
                </a:lnTo>
                <a:cubicBezTo>
                  <a:pt x="9485423" y="4499400"/>
                  <a:pt x="9412622" y="4540569"/>
                  <a:pt x="9334026" y="4540569"/>
                </a:cubicBezTo>
                <a:lnTo>
                  <a:pt x="223987" y="4540569"/>
                </a:lnTo>
                <a:cubicBezTo>
                  <a:pt x="100299" y="4540569"/>
                  <a:pt x="0" y="4440331"/>
                  <a:pt x="0" y="4316718"/>
                </a:cubicBezTo>
                <a:lnTo>
                  <a:pt x="0" y="1800392"/>
                </a:lnTo>
                <a:cubicBezTo>
                  <a:pt x="0" y="1759802"/>
                  <a:pt x="11062" y="1720001"/>
                  <a:pt x="31923" y="1685202"/>
                </a:cubicBezTo>
                <a:lnTo>
                  <a:pt x="978390" y="108662"/>
                </a:lnTo>
                <a:cubicBezTo>
                  <a:pt x="1018847" y="41275"/>
                  <a:pt x="1091753" y="0"/>
                  <a:pt x="117045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09193493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1 (NOR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38200" y="1440000"/>
            <a:ext cx="3019926" cy="3136214"/>
          </a:xfrm>
          <a:prstGeom prst="roundRect">
            <a:avLst>
              <a:gd name="adj" fmla="val 4964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254391" y="1630740"/>
            <a:ext cx="7112855" cy="1518058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bg2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pic>
        <p:nvPicPr>
          <p:cNvPr id="6" name="Bilde 5">
            <a:extLst>
              <a:ext uri="{FF2B5EF4-FFF2-40B4-BE49-F238E27FC236}">
                <a16:creationId xmlns:a16="http://schemas.microsoft.com/office/drawing/2014/main" id="{207A6E7E-EE91-9F01-25F2-26042AC4824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10515600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15" name="TekstSylinder 14">
            <a:extLst>
              <a:ext uri="{FF2B5EF4-FFF2-40B4-BE49-F238E27FC236}">
                <a16:creationId xmlns:a16="http://schemas.microsoft.com/office/drawing/2014/main" id="{8CE52A38-E2EF-03A4-7DC1-E599D4BA0251}"/>
              </a:ext>
            </a:extLst>
          </p:cNvPr>
          <p:cNvSpPr txBox="1"/>
          <p:nvPr userDrawn="1"/>
        </p:nvSpPr>
        <p:spPr>
          <a:xfrm>
            <a:off x="709220" y="4828601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 dirty="0">
                <a:solidFill>
                  <a:schemeClr val="bg2"/>
                </a:solidFill>
                <a:latin typeface="Aptos" panose="020B0004020202020204" pitchFamily="34" charset="0"/>
              </a:rPr>
              <a:t>Kunde</a:t>
            </a:r>
          </a:p>
        </p:txBody>
      </p:sp>
      <p:sp>
        <p:nvSpPr>
          <p:cNvPr id="16" name="TekstSylinder 15">
            <a:extLst>
              <a:ext uri="{FF2B5EF4-FFF2-40B4-BE49-F238E27FC236}">
                <a16:creationId xmlns:a16="http://schemas.microsoft.com/office/drawing/2014/main" id="{553DE9F8-B042-262C-8519-321F3B5E0B03}"/>
              </a:ext>
            </a:extLst>
          </p:cNvPr>
          <p:cNvSpPr txBox="1"/>
          <p:nvPr userDrawn="1"/>
        </p:nvSpPr>
        <p:spPr>
          <a:xfrm>
            <a:off x="709220" y="525239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bg2"/>
                </a:solidFill>
                <a:latin typeface="Aptos" panose="020B0004020202020204" pitchFamily="34" charset="0"/>
              </a:rPr>
              <a:t>Lokasjon</a:t>
            </a:r>
          </a:p>
        </p:txBody>
      </p:sp>
      <p:sp>
        <p:nvSpPr>
          <p:cNvPr id="17" name="TekstSylinder 16">
            <a:extLst>
              <a:ext uri="{FF2B5EF4-FFF2-40B4-BE49-F238E27FC236}">
                <a16:creationId xmlns:a16="http://schemas.microsoft.com/office/drawing/2014/main" id="{EC4DF47F-C1D9-6389-5278-382D8C6D6FC9}"/>
              </a:ext>
            </a:extLst>
          </p:cNvPr>
          <p:cNvSpPr txBox="1"/>
          <p:nvPr userDrawn="1"/>
        </p:nvSpPr>
        <p:spPr>
          <a:xfrm>
            <a:off x="709220" y="5676188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bg2"/>
                </a:solidFill>
                <a:latin typeface="Aptos" panose="020B0004020202020204" pitchFamily="34" charset="0"/>
              </a:rPr>
              <a:t>Tidsperiode</a:t>
            </a:r>
          </a:p>
        </p:txBody>
      </p:sp>
      <p:sp>
        <p:nvSpPr>
          <p:cNvPr id="18" name="Plassholder for tekst 6">
            <a:extLst>
              <a:ext uri="{FF2B5EF4-FFF2-40B4-BE49-F238E27FC236}">
                <a16:creationId xmlns:a16="http://schemas.microsoft.com/office/drawing/2014/main" id="{F0A70BA6-B04B-5EDD-E931-4F238A049C1D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1824524" y="4828601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19" name="Plassholder for tekst 6">
            <a:extLst>
              <a:ext uri="{FF2B5EF4-FFF2-40B4-BE49-F238E27FC236}">
                <a16:creationId xmlns:a16="http://schemas.microsoft.com/office/drawing/2014/main" id="{4DD7287A-CFF7-4FBA-7166-3AA4D74FB221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1824524" y="5252394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20" name="Plassholder for tekst 6">
            <a:extLst>
              <a:ext uri="{FF2B5EF4-FFF2-40B4-BE49-F238E27FC236}">
                <a16:creationId xmlns:a16="http://schemas.microsoft.com/office/drawing/2014/main" id="{B291BF4F-1CA1-C2AF-F33E-A5617C76DA3F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824524" y="5676188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26" name="Rett linje 25">
            <a:extLst>
              <a:ext uri="{FF2B5EF4-FFF2-40B4-BE49-F238E27FC236}">
                <a16:creationId xmlns:a16="http://schemas.microsoft.com/office/drawing/2014/main" id="{F5E072EB-6FCC-50C1-516A-538524734D9A}"/>
              </a:ext>
            </a:extLst>
          </p:cNvPr>
          <p:cNvCxnSpPr>
            <a:cxnSpLocks/>
          </p:cNvCxnSpPr>
          <p:nvPr userDrawn="1"/>
        </p:nvCxnSpPr>
        <p:spPr>
          <a:xfrm>
            <a:off x="1807010" y="47875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Rett linje 40">
            <a:extLst>
              <a:ext uri="{FF2B5EF4-FFF2-40B4-BE49-F238E27FC236}">
                <a16:creationId xmlns:a16="http://schemas.microsoft.com/office/drawing/2014/main" id="{2EB275D8-5351-4F3E-552B-2A3698B76831}"/>
              </a:ext>
            </a:extLst>
          </p:cNvPr>
          <p:cNvCxnSpPr>
            <a:cxnSpLocks/>
          </p:cNvCxnSpPr>
          <p:nvPr userDrawn="1"/>
        </p:nvCxnSpPr>
        <p:spPr>
          <a:xfrm>
            <a:off x="1807010" y="52066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Rett linje 41">
            <a:extLst>
              <a:ext uri="{FF2B5EF4-FFF2-40B4-BE49-F238E27FC236}">
                <a16:creationId xmlns:a16="http://schemas.microsoft.com/office/drawing/2014/main" id="{6FF298FB-F67D-4997-A807-D255AA72896F}"/>
              </a:ext>
            </a:extLst>
          </p:cNvPr>
          <p:cNvCxnSpPr>
            <a:cxnSpLocks/>
          </p:cNvCxnSpPr>
          <p:nvPr userDrawn="1"/>
        </p:nvCxnSpPr>
        <p:spPr>
          <a:xfrm>
            <a:off x="1807010" y="563523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4" name="TekstSylinder 43">
            <a:extLst>
              <a:ext uri="{FF2B5EF4-FFF2-40B4-BE49-F238E27FC236}">
                <a16:creationId xmlns:a16="http://schemas.microsoft.com/office/drawing/2014/main" id="{D4544379-1895-EF8F-3CE8-F5B90DC25DB6}"/>
              </a:ext>
            </a:extLst>
          </p:cNvPr>
          <p:cNvSpPr txBox="1"/>
          <p:nvPr userDrawn="1"/>
        </p:nvSpPr>
        <p:spPr>
          <a:xfrm>
            <a:off x="4254391" y="1353740"/>
            <a:ext cx="1771653" cy="27699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 dirty="0">
                <a:solidFill>
                  <a:schemeClr val="bg2"/>
                </a:solidFill>
                <a:latin typeface="Aptos" panose="020B0004020202020204" pitchFamily="34" charset="0"/>
              </a:rPr>
              <a:t>Om prosjektet</a:t>
            </a:r>
          </a:p>
        </p:txBody>
      </p:sp>
      <p:sp>
        <p:nvSpPr>
          <p:cNvPr id="47" name="Plassholder for innhold 2">
            <a:extLst>
              <a:ext uri="{FF2B5EF4-FFF2-40B4-BE49-F238E27FC236}">
                <a16:creationId xmlns:a16="http://schemas.microsoft.com/office/drawing/2014/main" id="{EF70380D-B785-2260-DA34-5A0F08A166A1}"/>
              </a:ext>
            </a:extLst>
          </p:cNvPr>
          <p:cNvSpPr>
            <a:spLocks noGrp="1"/>
          </p:cNvSpPr>
          <p:nvPr>
            <p:ph idx="38" hasCustomPrompt="1"/>
          </p:nvPr>
        </p:nvSpPr>
        <p:spPr>
          <a:xfrm>
            <a:off x="4254391" y="3530368"/>
            <a:ext cx="4275459" cy="2517090"/>
          </a:xfrm>
        </p:spPr>
        <p:txBody>
          <a:bodyPr>
            <a:noAutofit/>
          </a:bodyPr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solidFill>
                  <a:schemeClr val="bg2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r>
              <a:rPr lang="nb-NO" dirty="0"/>
              <a:t>Klikk for å redigere tekst</a:t>
            </a:r>
          </a:p>
        </p:txBody>
      </p:sp>
      <p:sp>
        <p:nvSpPr>
          <p:cNvPr id="48" name="TekstSylinder 47">
            <a:extLst>
              <a:ext uri="{FF2B5EF4-FFF2-40B4-BE49-F238E27FC236}">
                <a16:creationId xmlns:a16="http://schemas.microsoft.com/office/drawing/2014/main" id="{DFBA4433-347B-C653-4B29-0ACED4147B80}"/>
              </a:ext>
            </a:extLst>
          </p:cNvPr>
          <p:cNvSpPr txBox="1"/>
          <p:nvPr userDrawn="1"/>
        </p:nvSpPr>
        <p:spPr>
          <a:xfrm>
            <a:off x="4254390" y="3283885"/>
            <a:ext cx="1771653" cy="27699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 dirty="0">
                <a:solidFill>
                  <a:schemeClr val="bg2"/>
                </a:solidFill>
                <a:latin typeface="Aptos" panose="020B0004020202020204" pitchFamily="34" charset="0"/>
              </a:rPr>
              <a:t>Vårt arbeidsomfang</a:t>
            </a:r>
          </a:p>
        </p:txBody>
      </p:sp>
      <p:sp>
        <p:nvSpPr>
          <p:cNvPr id="49" name="Plassholder for bilde 8">
            <a:extLst>
              <a:ext uri="{FF2B5EF4-FFF2-40B4-BE49-F238E27FC236}">
                <a16:creationId xmlns:a16="http://schemas.microsoft.com/office/drawing/2014/main" id="{E6B259FB-2F43-455F-D46F-2A775D4E69B9}"/>
              </a:ext>
            </a:extLst>
          </p:cNvPr>
          <p:cNvSpPr>
            <a:spLocks noGrp="1"/>
          </p:cNvSpPr>
          <p:nvPr>
            <p:ph type="pic" sz="quarter" idx="39" hasCustomPrompt="1"/>
          </p:nvPr>
        </p:nvSpPr>
        <p:spPr>
          <a:xfrm>
            <a:off x="8720919" y="3350871"/>
            <a:ext cx="2647280" cy="2684168"/>
          </a:xfrm>
          <a:prstGeom prst="roundRect">
            <a:avLst>
              <a:gd name="adj" fmla="val 4964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cxnSp>
        <p:nvCxnSpPr>
          <p:cNvPr id="53" name="Rett linje 52">
            <a:extLst>
              <a:ext uri="{FF2B5EF4-FFF2-40B4-BE49-F238E27FC236}">
                <a16:creationId xmlns:a16="http://schemas.microsoft.com/office/drawing/2014/main" id="{EE37323A-E9EE-C40A-5B8C-33D32D802C9F}"/>
              </a:ext>
            </a:extLst>
          </p:cNvPr>
          <p:cNvCxnSpPr>
            <a:cxnSpLocks/>
          </p:cNvCxnSpPr>
          <p:nvPr userDrawn="1"/>
        </p:nvCxnSpPr>
        <p:spPr>
          <a:xfrm>
            <a:off x="1807010" y="604746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2627155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38199" y="1501160"/>
            <a:ext cx="4971402" cy="3505737"/>
          </a:xfrm>
        </p:spPr>
        <p:txBody>
          <a:bodyPr anchor="b">
            <a:noAutofit/>
          </a:bodyPr>
          <a:lstStyle>
            <a:lvl1pPr algn="l">
              <a:defRPr sz="54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199" y="5120639"/>
            <a:ext cx="4971402" cy="919301"/>
          </a:xfrm>
        </p:spPr>
        <p:txBody>
          <a:bodyPr>
            <a:noAutofit/>
          </a:bodyPr>
          <a:lstStyle>
            <a:lvl1pPr marL="0" indent="0" algn="l">
              <a:buNone/>
              <a:defRPr sz="20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her for å redigere undertittel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DCFC6F05-CC25-3847-DE7E-E810DF531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8" name="Bilde 7">
            <a:extLst>
              <a:ext uri="{FF2B5EF4-FFF2-40B4-BE49-F238E27FC236}">
                <a16:creationId xmlns:a16="http://schemas.microsoft.com/office/drawing/2014/main" id="{549FC9F5-99DD-1F7B-8314-12867514399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D2F217D4-8B90-9CD5-3D8D-40CACBBD69C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139543" y="827690"/>
            <a:ext cx="5212251" cy="5212251"/>
          </a:xfrm>
          <a:custGeom>
            <a:avLst/>
            <a:gdLst>
              <a:gd name="connsiteX0" fmla="*/ 1115078 w 4971402"/>
              <a:gd name="connsiteY0" fmla="*/ 0 h 4971402"/>
              <a:gd name="connsiteX1" fmla="*/ 4758012 w 4971402"/>
              <a:gd name="connsiteY1" fmla="*/ 0 h 4971402"/>
              <a:gd name="connsiteX2" fmla="*/ 4971402 w 4971402"/>
              <a:gd name="connsiteY2" fmla="*/ 213390 h 4971402"/>
              <a:gd name="connsiteX3" fmla="*/ 4971402 w 4971402"/>
              <a:gd name="connsiteY3" fmla="*/ 4758012 h 4971402"/>
              <a:gd name="connsiteX4" fmla="*/ 4758012 w 4971402"/>
              <a:gd name="connsiteY4" fmla="*/ 4971402 h 4971402"/>
              <a:gd name="connsiteX5" fmla="*/ 2201951 w 4971402"/>
              <a:gd name="connsiteY5" fmla="*/ 4971402 h 4971402"/>
              <a:gd name="connsiteX6" fmla="*/ 1988561 w 4971402"/>
              <a:gd name="connsiteY6" fmla="*/ 4758012 h 4971402"/>
              <a:gd name="connsiteX7" fmla="*/ 1988561 w 4971402"/>
              <a:gd name="connsiteY7" fmla="*/ 4084669 h 4971402"/>
              <a:gd name="connsiteX8" fmla="*/ 1592194 w 4971402"/>
              <a:gd name="connsiteY8" fmla="*/ 3974863 h 4971402"/>
              <a:gd name="connsiteX9" fmla="*/ 1056461 w 4971402"/>
              <a:gd name="connsiteY9" fmla="*/ 4867768 h 4971402"/>
              <a:gd name="connsiteX10" fmla="*/ 873483 w 4971402"/>
              <a:gd name="connsiteY10" fmla="*/ 4971352 h 4971402"/>
              <a:gd name="connsiteX11" fmla="*/ 213390 w 4971402"/>
              <a:gd name="connsiteY11" fmla="*/ 4971352 h 4971402"/>
              <a:gd name="connsiteX12" fmla="*/ 0 w 4971402"/>
              <a:gd name="connsiteY12" fmla="*/ 4757962 h 4971402"/>
              <a:gd name="connsiteX13" fmla="*/ 0 w 4971402"/>
              <a:gd name="connsiteY13" fmla="*/ 1716253 h 4971402"/>
              <a:gd name="connsiteX14" fmla="*/ 30413 w 4971402"/>
              <a:gd name="connsiteY14" fmla="*/ 1606446 h 4971402"/>
              <a:gd name="connsiteX15" fmla="*/ 932100 w 4971402"/>
              <a:gd name="connsiteY15" fmla="*/ 103583 h 4971402"/>
              <a:gd name="connsiteX16" fmla="*/ 1115078 w 4971402"/>
              <a:gd name="connsiteY16" fmla="*/ 0 h 49714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4971402" h="4971402">
                <a:moveTo>
                  <a:pt x="1115078" y="0"/>
                </a:moveTo>
                <a:lnTo>
                  <a:pt x="4758012" y="0"/>
                </a:lnTo>
                <a:cubicBezTo>
                  <a:pt x="4875848" y="0"/>
                  <a:pt x="4971402" y="95554"/>
                  <a:pt x="4971402" y="213390"/>
                </a:cubicBezTo>
                <a:lnTo>
                  <a:pt x="4971402" y="4758012"/>
                </a:lnTo>
                <a:cubicBezTo>
                  <a:pt x="4971402" y="4875848"/>
                  <a:pt x="4875848" y="4971402"/>
                  <a:pt x="4758012" y="4971402"/>
                </a:cubicBezTo>
                <a:lnTo>
                  <a:pt x="2201951" y="4971402"/>
                </a:lnTo>
                <a:cubicBezTo>
                  <a:pt x="2084114" y="4971402"/>
                  <a:pt x="1988561" y="4875848"/>
                  <a:pt x="1988561" y="4758012"/>
                </a:cubicBezTo>
                <a:lnTo>
                  <a:pt x="1988561" y="4084669"/>
                </a:lnTo>
                <a:cubicBezTo>
                  <a:pt x="1988561" y="3868268"/>
                  <a:pt x="1703556" y="3789276"/>
                  <a:pt x="1592194" y="3974863"/>
                </a:cubicBezTo>
                <a:lnTo>
                  <a:pt x="1056461" y="4867768"/>
                </a:lnTo>
                <a:cubicBezTo>
                  <a:pt x="1017918" y="4932056"/>
                  <a:pt x="948461" y="4971352"/>
                  <a:pt x="873483" y="4971352"/>
                </a:cubicBezTo>
                <a:lnTo>
                  <a:pt x="213390" y="4971352"/>
                </a:lnTo>
                <a:cubicBezTo>
                  <a:pt x="95554" y="4971352"/>
                  <a:pt x="0" y="4875798"/>
                  <a:pt x="0" y="4757962"/>
                </a:cubicBezTo>
                <a:lnTo>
                  <a:pt x="0" y="1716253"/>
                </a:lnTo>
                <a:cubicBezTo>
                  <a:pt x="0" y="1677559"/>
                  <a:pt x="10489" y="1639619"/>
                  <a:pt x="30413" y="1606446"/>
                </a:cubicBezTo>
                <a:lnTo>
                  <a:pt x="932100" y="103583"/>
                </a:lnTo>
                <a:cubicBezTo>
                  <a:pt x="970693" y="39346"/>
                  <a:pt x="1040150" y="0"/>
                  <a:pt x="1115078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339678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1 (ENG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38200" y="1440000"/>
            <a:ext cx="3019926" cy="3136214"/>
          </a:xfrm>
          <a:prstGeom prst="roundRect">
            <a:avLst>
              <a:gd name="adj" fmla="val 4964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254391" y="1630740"/>
            <a:ext cx="7112855" cy="1518058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bg2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pic>
        <p:nvPicPr>
          <p:cNvPr id="6" name="Bilde 5">
            <a:extLst>
              <a:ext uri="{FF2B5EF4-FFF2-40B4-BE49-F238E27FC236}">
                <a16:creationId xmlns:a16="http://schemas.microsoft.com/office/drawing/2014/main" id="{207A6E7E-EE91-9F01-25F2-26042AC4824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10515600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15" name="TekstSylinder 14">
            <a:extLst>
              <a:ext uri="{FF2B5EF4-FFF2-40B4-BE49-F238E27FC236}">
                <a16:creationId xmlns:a16="http://schemas.microsoft.com/office/drawing/2014/main" id="{8CE52A38-E2EF-03A4-7DC1-E599D4BA0251}"/>
              </a:ext>
            </a:extLst>
          </p:cNvPr>
          <p:cNvSpPr txBox="1"/>
          <p:nvPr userDrawn="1"/>
        </p:nvSpPr>
        <p:spPr>
          <a:xfrm>
            <a:off x="709220" y="4828601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bg2"/>
                </a:solidFill>
                <a:latin typeface="Aptos" panose="020B0004020202020204" pitchFamily="34" charset="0"/>
              </a:rPr>
              <a:t>Client</a:t>
            </a:r>
          </a:p>
        </p:txBody>
      </p:sp>
      <p:sp>
        <p:nvSpPr>
          <p:cNvPr id="16" name="TekstSylinder 15">
            <a:extLst>
              <a:ext uri="{FF2B5EF4-FFF2-40B4-BE49-F238E27FC236}">
                <a16:creationId xmlns:a16="http://schemas.microsoft.com/office/drawing/2014/main" id="{553DE9F8-B042-262C-8519-321F3B5E0B03}"/>
              </a:ext>
            </a:extLst>
          </p:cNvPr>
          <p:cNvSpPr txBox="1"/>
          <p:nvPr userDrawn="1"/>
        </p:nvSpPr>
        <p:spPr>
          <a:xfrm>
            <a:off x="709220" y="525239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bg2"/>
                </a:solidFill>
                <a:latin typeface="Aptos" panose="020B0004020202020204" pitchFamily="34" charset="0"/>
              </a:rPr>
              <a:t>Location</a:t>
            </a:r>
          </a:p>
        </p:txBody>
      </p:sp>
      <p:sp>
        <p:nvSpPr>
          <p:cNvPr id="17" name="TekstSylinder 16">
            <a:extLst>
              <a:ext uri="{FF2B5EF4-FFF2-40B4-BE49-F238E27FC236}">
                <a16:creationId xmlns:a16="http://schemas.microsoft.com/office/drawing/2014/main" id="{EC4DF47F-C1D9-6389-5278-382D8C6D6FC9}"/>
              </a:ext>
            </a:extLst>
          </p:cNvPr>
          <p:cNvSpPr txBox="1"/>
          <p:nvPr userDrawn="1"/>
        </p:nvSpPr>
        <p:spPr>
          <a:xfrm>
            <a:off x="709220" y="5676188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bg2"/>
                </a:solidFill>
                <a:latin typeface="Aptos" panose="020B0004020202020204" pitchFamily="34" charset="0"/>
              </a:rPr>
              <a:t>Time period</a:t>
            </a:r>
          </a:p>
        </p:txBody>
      </p:sp>
      <p:sp>
        <p:nvSpPr>
          <p:cNvPr id="18" name="Plassholder for tekst 6">
            <a:extLst>
              <a:ext uri="{FF2B5EF4-FFF2-40B4-BE49-F238E27FC236}">
                <a16:creationId xmlns:a16="http://schemas.microsoft.com/office/drawing/2014/main" id="{F0A70BA6-B04B-5EDD-E931-4F238A049C1D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1824524" y="4828601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19" name="Plassholder for tekst 6">
            <a:extLst>
              <a:ext uri="{FF2B5EF4-FFF2-40B4-BE49-F238E27FC236}">
                <a16:creationId xmlns:a16="http://schemas.microsoft.com/office/drawing/2014/main" id="{4DD7287A-CFF7-4FBA-7166-3AA4D74FB221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1824524" y="5252394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20" name="Plassholder for tekst 6">
            <a:extLst>
              <a:ext uri="{FF2B5EF4-FFF2-40B4-BE49-F238E27FC236}">
                <a16:creationId xmlns:a16="http://schemas.microsoft.com/office/drawing/2014/main" id="{B291BF4F-1CA1-C2AF-F33E-A5617C76DA3F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824524" y="5676188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26" name="Rett linje 25">
            <a:extLst>
              <a:ext uri="{FF2B5EF4-FFF2-40B4-BE49-F238E27FC236}">
                <a16:creationId xmlns:a16="http://schemas.microsoft.com/office/drawing/2014/main" id="{F5E072EB-6FCC-50C1-516A-538524734D9A}"/>
              </a:ext>
            </a:extLst>
          </p:cNvPr>
          <p:cNvCxnSpPr>
            <a:cxnSpLocks/>
          </p:cNvCxnSpPr>
          <p:nvPr userDrawn="1"/>
        </p:nvCxnSpPr>
        <p:spPr>
          <a:xfrm>
            <a:off x="1807010" y="47875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Rett linje 40">
            <a:extLst>
              <a:ext uri="{FF2B5EF4-FFF2-40B4-BE49-F238E27FC236}">
                <a16:creationId xmlns:a16="http://schemas.microsoft.com/office/drawing/2014/main" id="{2EB275D8-5351-4F3E-552B-2A3698B76831}"/>
              </a:ext>
            </a:extLst>
          </p:cNvPr>
          <p:cNvCxnSpPr>
            <a:cxnSpLocks/>
          </p:cNvCxnSpPr>
          <p:nvPr userDrawn="1"/>
        </p:nvCxnSpPr>
        <p:spPr>
          <a:xfrm>
            <a:off x="1807010" y="52066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Rett linje 41">
            <a:extLst>
              <a:ext uri="{FF2B5EF4-FFF2-40B4-BE49-F238E27FC236}">
                <a16:creationId xmlns:a16="http://schemas.microsoft.com/office/drawing/2014/main" id="{6FF298FB-F67D-4997-A807-D255AA72896F}"/>
              </a:ext>
            </a:extLst>
          </p:cNvPr>
          <p:cNvCxnSpPr>
            <a:cxnSpLocks/>
          </p:cNvCxnSpPr>
          <p:nvPr userDrawn="1"/>
        </p:nvCxnSpPr>
        <p:spPr>
          <a:xfrm>
            <a:off x="1807010" y="563523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4" name="TekstSylinder 43">
            <a:extLst>
              <a:ext uri="{FF2B5EF4-FFF2-40B4-BE49-F238E27FC236}">
                <a16:creationId xmlns:a16="http://schemas.microsoft.com/office/drawing/2014/main" id="{D4544379-1895-EF8F-3CE8-F5B90DC25DB6}"/>
              </a:ext>
            </a:extLst>
          </p:cNvPr>
          <p:cNvSpPr txBox="1"/>
          <p:nvPr userDrawn="1"/>
        </p:nvSpPr>
        <p:spPr>
          <a:xfrm>
            <a:off x="4254391" y="1353740"/>
            <a:ext cx="1771653" cy="27699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bg2"/>
                </a:solidFill>
                <a:latin typeface="Aptos" panose="020B0004020202020204" pitchFamily="34" charset="0"/>
              </a:rPr>
              <a:t>About the project</a:t>
            </a:r>
          </a:p>
        </p:txBody>
      </p:sp>
      <p:sp>
        <p:nvSpPr>
          <p:cNvPr id="47" name="Plassholder for innhold 2">
            <a:extLst>
              <a:ext uri="{FF2B5EF4-FFF2-40B4-BE49-F238E27FC236}">
                <a16:creationId xmlns:a16="http://schemas.microsoft.com/office/drawing/2014/main" id="{EF70380D-B785-2260-DA34-5A0F08A166A1}"/>
              </a:ext>
            </a:extLst>
          </p:cNvPr>
          <p:cNvSpPr>
            <a:spLocks noGrp="1"/>
          </p:cNvSpPr>
          <p:nvPr>
            <p:ph idx="38" hasCustomPrompt="1"/>
          </p:nvPr>
        </p:nvSpPr>
        <p:spPr>
          <a:xfrm>
            <a:off x="4254391" y="3530368"/>
            <a:ext cx="4275459" cy="2517090"/>
          </a:xfrm>
        </p:spPr>
        <p:txBody>
          <a:bodyPr>
            <a:noAutofit/>
          </a:bodyPr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solidFill>
                  <a:schemeClr val="bg2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r>
              <a:rPr lang="nb-NO" dirty="0"/>
              <a:t>Klikk for å redigere tekst</a:t>
            </a:r>
          </a:p>
        </p:txBody>
      </p:sp>
      <p:sp>
        <p:nvSpPr>
          <p:cNvPr id="48" name="TekstSylinder 47">
            <a:extLst>
              <a:ext uri="{FF2B5EF4-FFF2-40B4-BE49-F238E27FC236}">
                <a16:creationId xmlns:a16="http://schemas.microsoft.com/office/drawing/2014/main" id="{DFBA4433-347B-C653-4B29-0ACED4147B80}"/>
              </a:ext>
            </a:extLst>
          </p:cNvPr>
          <p:cNvSpPr txBox="1"/>
          <p:nvPr userDrawn="1"/>
        </p:nvSpPr>
        <p:spPr>
          <a:xfrm>
            <a:off x="4254390" y="3283885"/>
            <a:ext cx="1771653" cy="27699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bg2"/>
                </a:solidFill>
                <a:latin typeface="Aptos" panose="020B0004020202020204" pitchFamily="34" charset="0"/>
              </a:rPr>
              <a:t>Our scope of work</a:t>
            </a:r>
          </a:p>
        </p:txBody>
      </p:sp>
      <p:sp>
        <p:nvSpPr>
          <p:cNvPr id="49" name="Plassholder for bilde 8">
            <a:extLst>
              <a:ext uri="{FF2B5EF4-FFF2-40B4-BE49-F238E27FC236}">
                <a16:creationId xmlns:a16="http://schemas.microsoft.com/office/drawing/2014/main" id="{E6B259FB-2F43-455F-D46F-2A775D4E69B9}"/>
              </a:ext>
            </a:extLst>
          </p:cNvPr>
          <p:cNvSpPr>
            <a:spLocks noGrp="1"/>
          </p:cNvSpPr>
          <p:nvPr>
            <p:ph type="pic" sz="quarter" idx="39" hasCustomPrompt="1"/>
          </p:nvPr>
        </p:nvSpPr>
        <p:spPr>
          <a:xfrm>
            <a:off x="8720919" y="3350871"/>
            <a:ext cx="2647280" cy="2684168"/>
          </a:xfrm>
          <a:prstGeom prst="roundRect">
            <a:avLst>
              <a:gd name="adj" fmla="val 4964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cxnSp>
        <p:nvCxnSpPr>
          <p:cNvPr id="53" name="Rett linje 52">
            <a:extLst>
              <a:ext uri="{FF2B5EF4-FFF2-40B4-BE49-F238E27FC236}">
                <a16:creationId xmlns:a16="http://schemas.microsoft.com/office/drawing/2014/main" id="{EE37323A-E9EE-C40A-5B8C-33D32D802C9F}"/>
              </a:ext>
            </a:extLst>
          </p:cNvPr>
          <p:cNvCxnSpPr>
            <a:cxnSpLocks/>
          </p:cNvCxnSpPr>
          <p:nvPr userDrawn="1"/>
        </p:nvCxnSpPr>
        <p:spPr>
          <a:xfrm>
            <a:off x="1807010" y="604746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71833320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2 (NOR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38200" y="1440000"/>
            <a:ext cx="7243119" cy="138697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bg2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pic>
        <p:nvPicPr>
          <p:cNvPr id="6" name="Bilde 5">
            <a:extLst>
              <a:ext uri="{FF2B5EF4-FFF2-40B4-BE49-F238E27FC236}">
                <a16:creationId xmlns:a16="http://schemas.microsoft.com/office/drawing/2014/main" id="{207A6E7E-EE91-9F01-25F2-26042AC4824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10515600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3032232"/>
            <a:ext cx="12192000" cy="3825767"/>
          </a:xfrm>
          <a:prstGeom prst="roundRect">
            <a:avLst>
              <a:gd name="adj" fmla="val 0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2400"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r>
              <a:rPr lang="nb-NO" dirty="0"/>
              <a:t> </a:t>
            </a:r>
          </a:p>
        </p:txBody>
      </p:sp>
      <p:sp>
        <p:nvSpPr>
          <p:cNvPr id="15" name="TekstSylinder 14">
            <a:extLst>
              <a:ext uri="{FF2B5EF4-FFF2-40B4-BE49-F238E27FC236}">
                <a16:creationId xmlns:a16="http://schemas.microsoft.com/office/drawing/2014/main" id="{8CE52A38-E2EF-03A4-7DC1-E599D4BA0251}"/>
              </a:ext>
            </a:extLst>
          </p:cNvPr>
          <p:cNvSpPr txBox="1"/>
          <p:nvPr userDrawn="1"/>
        </p:nvSpPr>
        <p:spPr>
          <a:xfrm>
            <a:off x="8211636" y="1437617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 dirty="0">
                <a:solidFill>
                  <a:schemeClr val="bg2"/>
                </a:solidFill>
                <a:latin typeface="Aptos" panose="020B0004020202020204" pitchFamily="34" charset="0"/>
              </a:rPr>
              <a:t>Kunde</a:t>
            </a:r>
          </a:p>
        </p:txBody>
      </p:sp>
      <p:sp>
        <p:nvSpPr>
          <p:cNvPr id="16" name="TekstSylinder 15">
            <a:extLst>
              <a:ext uri="{FF2B5EF4-FFF2-40B4-BE49-F238E27FC236}">
                <a16:creationId xmlns:a16="http://schemas.microsoft.com/office/drawing/2014/main" id="{553DE9F8-B042-262C-8519-321F3B5E0B03}"/>
              </a:ext>
            </a:extLst>
          </p:cNvPr>
          <p:cNvSpPr txBox="1"/>
          <p:nvPr userDrawn="1"/>
        </p:nvSpPr>
        <p:spPr>
          <a:xfrm>
            <a:off x="8211636" y="1861410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bg2"/>
                </a:solidFill>
                <a:latin typeface="Aptos" panose="020B0004020202020204" pitchFamily="34" charset="0"/>
              </a:rPr>
              <a:t>Lokasjon</a:t>
            </a:r>
          </a:p>
        </p:txBody>
      </p:sp>
      <p:sp>
        <p:nvSpPr>
          <p:cNvPr id="17" name="TekstSylinder 16">
            <a:extLst>
              <a:ext uri="{FF2B5EF4-FFF2-40B4-BE49-F238E27FC236}">
                <a16:creationId xmlns:a16="http://schemas.microsoft.com/office/drawing/2014/main" id="{EC4DF47F-C1D9-6389-5278-382D8C6D6FC9}"/>
              </a:ext>
            </a:extLst>
          </p:cNvPr>
          <p:cNvSpPr txBox="1"/>
          <p:nvPr userDrawn="1"/>
        </p:nvSpPr>
        <p:spPr>
          <a:xfrm>
            <a:off x="8211636" y="228520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bg2"/>
                </a:solidFill>
                <a:latin typeface="Aptos" panose="020B0004020202020204" pitchFamily="34" charset="0"/>
              </a:rPr>
              <a:t>Tidsperiode</a:t>
            </a:r>
          </a:p>
        </p:txBody>
      </p:sp>
      <p:sp>
        <p:nvSpPr>
          <p:cNvPr id="18" name="Plassholder for tekst 6">
            <a:extLst>
              <a:ext uri="{FF2B5EF4-FFF2-40B4-BE49-F238E27FC236}">
                <a16:creationId xmlns:a16="http://schemas.microsoft.com/office/drawing/2014/main" id="{F0A70BA6-B04B-5EDD-E931-4F238A049C1D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9326940" y="1437617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19" name="Plassholder for tekst 6">
            <a:extLst>
              <a:ext uri="{FF2B5EF4-FFF2-40B4-BE49-F238E27FC236}">
                <a16:creationId xmlns:a16="http://schemas.microsoft.com/office/drawing/2014/main" id="{4DD7287A-CFF7-4FBA-7166-3AA4D74FB221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9326940" y="1861410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20" name="Plassholder for tekst 6">
            <a:extLst>
              <a:ext uri="{FF2B5EF4-FFF2-40B4-BE49-F238E27FC236}">
                <a16:creationId xmlns:a16="http://schemas.microsoft.com/office/drawing/2014/main" id="{B291BF4F-1CA1-C2AF-F33E-A5617C76DA3F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9326940" y="2285204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26" name="Rett linje 25">
            <a:extLst>
              <a:ext uri="{FF2B5EF4-FFF2-40B4-BE49-F238E27FC236}">
                <a16:creationId xmlns:a16="http://schemas.microsoft.com/office/drawing/2014/main" id="{F5E072EB-6FCC-50C1-516A-538524734D9A}"/>
              </a:ext>
            </a:extLst>
          </p:cNvPr>
          <p:cNvCxnSpPr>
            <a:cxnSpLocks/>
          </p:cNvCxnSpPr>
          <p:nvPr userDrawn="1"/>
        </p:nvCxnSpPr>
        <p:spPr>
          <a:xfrm>
            <a:off x="9309426" y="1396522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Rett linje 40">
            <a:extLst>
              <a:ext uri="{FF2B5EF4-FFF2-40B4-BE49-F238E27FC236}">
                <a16:creationId xmlns:a16="http://schemas.microsoft.com/office/drawing/2014/main" id="{2EB275D8-5351-4F3E-552B-2A3698B76831}"/>
              </a:ext>
            </a:extLst>
          </p:cNvPr>
          <p:cNvCxnSpPr>
            <a:cxnSpLocks/>
          </p:cNvCxnSpPr>
          <p:nvPr userDrawn="1"/>
        </p:nvCxnSpPr>
        <p:spPr>
          <a:xfrm>
            <a:off x="9309426" y="1815622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Rett linje 41">
            <a:extLst>
              <a:ext uri="{FF2B5EF4-FFF2-40B4-BE49-F238E27FC236}">
                <a16:creationId xmlns:a16="http://schemas.microsoft.com/office/drawing/2014/main" id="{6FF298FB-F67D-4997-A807-D255AA72896F}"/>
              </a:ext>
            </a:extLst>
          </p:cNvPr>
          <p:cNvCxnSpPr>
            <a:cxnSpLocks/>
          </p:cNvCxnSpPr>
          <p:nvPr userDrawn="1"/>
        </p:nvCxnSpPr>
        <p:spPr>
          <a:xfrm>
            <a:off x="9309426" y="2244247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Rett linje 52">
            <a:extLst>
              <a:ext uri="{FF2B5EF4-FFF2-40B4-BE49-F238E27FC236}">
                <a16:creationId xmlns:a16="http://schemas.microsoft.com/office/drawing/2014/main" id="{EE37323A-E9EE-C40A-5B8C-33D32D802C9F}"/>
              </a:ext>
            </a:extLst>
          </p:cNvPr>
          <p:cNvCxnSpPr>
            <a:cxnSpLocks/>
          </p:cNvCxnSpPr>
          <p:nvPr userDrawn="1"/>
        </p:nvCxnSpPr>
        <p:spPr>
          <a:xfrm>
            <a:off x="9309426" y="2656477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17391528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2 (ENG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38200" y="1440000"/>
            <a:ext cx="7243119" cy="138697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bg2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pic>
        <p:nvPicPr>
          <p:cNvPr id="6" name="Bilde 5">
            <a:extLst>
              <a:ext uri="{FF2B5EF4-FFF2-40B4-BE49-F238E27FC236}">
                <a16:creationId xmlns:a16="http://schemas.microsoft.com/office/drawing/2014/main" id="{207A6E7E-EE91-9F01-25F2-26042AC4824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10515600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3032232"/>
            <a:ext cx="12192000" cy="3825767"/>
          </a:xfrm>
          <a:prstGeom prst="roundRect">
            <a:avLst>
              <a:gd name="adj" fmla="val 0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2400"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r>
              <a:rPr lang="nb-NO" dirty="0"/>
              <a:t> </a:t>
            </a:r>
          </a:p>
        </p:txBody>
      </p:sp>
      <p:sp>
        <p:nvSpPr>
          <p:cNvPr id="15" name="TekstSylinder 14">
            <a:extLst>
              <a:ext uri="{FF2B5EF4-FFF2-40B4-BE49-F238E27FC236}">
                <a16:creationId xmlns:a16="http://schemas.microsoft.com/office/drawing/2014/main" id="{8CE52A38-E2EF-03A4-7DC1-E599D4BA0251}"/>
              </a:ext>
            </a:extLst>
          </p:cNvPr>
          <p:cNvSpPr txBox="1"/>
          <p:nvPr userDrawn="1"/>
        </p:nvSpPr>
        <p:spPr>
          <a:xfrm>
            <a:off x="8211636" y="1437617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bg2"/>
                </a:solidFill>
                <a:latin typeface="Aptos" panose="020B0004020202020204" pitchFamily="34" charset="0"/>
              </a:rPr>
              <a:t>Client</a:t>
            </a:r>
          </a:p>
        </p:txBody>
      </p:sp>
      <p:sp>
        <p:nvSpPr>
          <p:cNvPr id="16" name="TekstSylinder 15">
            <a:extLst>
              <a:ext uri="{FF2B5EF4-FFF2-40B4-BE49-F238E27FC236}">
                <a16:creationId xmlns:a16="http://schemas.microsoft.com/office/drawing/2014/main" id="{553DE9F8-B042-262C-8519-321F3B5E0B03}"/>
              </a:ext>
            </a:extLst>
          </p:cNvPr>
          <p:cNvSpPr txBox="1"/>
          <p:nvPr userDrawn="1"/>
        </p:nvSpPr>
        <p:spPr>
          <a:xfrm>
            <a:off x="8211636" y="1861410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bg2"/>
                </a:solidFill>
                <a:latin typeface="Aptos" panose="020B0004020202020204" pitchFamily="34" charset="0"/>
              </a:rPr>
              <a:t>Location</a:t>
            </a:r>
          </a:p>
        </p:txBody>
      </p:sp>
      <p:sp>
        <p:nvSpPr>
          <p:cNvPr id="17" name="TekstSylinder 16">
            <a:extLst>
              <a:ext uri="{FF2B5EF4-FFF2-40B4-BE49-F238E27FC236}">
                <a16:creationId xmlns:a16="http://schemas.microsoft.com/office/drawing/2014/main" id="{EC4DF47F-C1D9-6389-5278-382D8C6D6FC9}"/>
              </a:ext>
            </a:extLst>
          </p:cNvPr>
          <p:cNvSpPr txBox="1"/>
          <p:nvPr userDrawn="1"/>
        </p:nvSpPr>
        <p:spPr>
          <a:xfrm>
            <a:off x="8211636" y="228520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bg2"/>
                </a:solidFill>
                <a:latin typeface="Aptos" panose="020B0004020202020204" pitchFamily="34" charset="0"/>
              </a:rPr>
              <a:t>Time period</a:t>
            </a:r>
          </a:p>
        </p:txBody>
      </p:sp>
      <p:sp>
        <p:nvSpPr>
          <p:cNvPr id="18" name="Plassholder for tekst 6">
            <a:extLst>
              <a:ext uri="{FF2B5EF4-FFF2-40B4-BE49-F238E27FC236}">
                <a16:creationId xmlns:a16="http://schemas.microsoft.com/office/drawing/2014/main" id="{F0A70BA6-B04B-5EDD-E931-4F238A049C1D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9326940" y="1437617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19" name="Plassholder for tekst 6">
            <a:extLst>
              <a:ext uri="{FF2B5EF4-FFF2-40B4-BE49-F238E27FC236}">
                <a16:creationId xmlns:a16="http://schemas.microsoft.com/office/drawing/2014/main" id="{4DD7287A-CFF7-4FBA-7166-3AA4D74FB221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9326940" y="1861410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20" name="Plassholder for tekst 6">
            <a:extLst>
              <a:ext uri="{FF2B5EF4-FFF2-40B4-BE49-F238E27FC236}">
                <a16:creationId xmlns:a16="http://schemas.microsoft.com/office/drawing/2014/main" id="{B291BF4F-1CA1-C2AF-F33E-A5617C76DA3F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9326940" y="2285204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26" name="Rett linje 25">
            <a:extLst>
              <a:ext uri="{FF2B5EF4-FFF2-40B4-BE49-F238E27FC236}">
                <a16:creationId xmlns:a16="http://schemas.microsoft.com/office/drawing/2014/main" id="{F5E072EB-6FCC-50C1-516A-538524734D9A}"/>
              </a:ext>
            </a:extLst>
          </p:cNvPr>
          <p:cNvCxnSpPr>
            <a:cxnSpLocks/>
          </p:cNvCxnSpPr>
          <p:nvPr userDrawn="1"/>
        </p:nvCxnSpPr>
        <p:spPr>
          <a:xfrm>
            <a:off x="9309426" y="1396522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Rett linje 40">
            <a:extLst>
              <a:ext uri="{FF2B5EF4-FFF2-40B4-BE49-F238E27FC236}">
                <a16:creationId xmlns:a16="http://schemas.microsoft.com/office/drawing/2014/main" id="{2EB275D8-5351-4F3E-552B-2A3698B76831}"/>
              </a:ext>
            </a:extLst>
          </p:cNvPr>
          <p:cNvCxnSpPr>
            <a:cxnSpLocks/>
          </p:cNvCxnSpPr>
          <p:nvPr userDrawn="1"/>
        </p:nvCxnSpPr>
        <p:spPr>
          <a:xfrm>
            <a:off x="9309426" y="1815622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Rett linje 41">
            <a:extLst>
              <a:ext uri="{FF2B5EF4-FFF2-40B4-BE49-F238E27FC236}">
                <a16:creationId xmlns:a16="http://schemas.microsoft.com/office/drawing/2014/main" id="{6FF298FB-F67D-4997-A807-D255AA72896F}"/>
              </a:ext>
            </a:extLst>
          </p:cNvPr>
          <p:cNvCxnSpPr>
            <a:cxnSpLocks/>
          </p:cNvCxnSpPr>
          <p:nvPr userDrawn="1"/>
        </p:nvCxnSpPr>
        <p:spPr>
          <a:xfrm>
            <a:off x="9309426" y="2244247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Rett linje 52">
            <a:extLst>
              <a:ext uri="{FF2B5EF4-FFF2-40B4-BE49-F238E27FC236}">
                <a16:creationId xmlns:a16="http://schemas.microsoft.com/office/drawing/2014/main" id="{EE37323A-E9EE-C40A-5B8C-33D32D802C9F}"/>
              </a:ext>
            </a:extLst>
          </p:cNvPr>
          <p:cNvCxnSpPr>
            <a:cxnSpLocks/>
          </p:cNvCxnSpPr>
          <p:nvPr userDrawn="1"/>
        </p:nvCxnSpPr>
        <p:spPr>
          <a:xfrm>
            <a:off x="9309426" y="2656477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111440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3 (NOR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38200" y="1440000"/>
            <a:ext cx="5123934" cy="3166501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bg2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pic>
        <p:nvPicPr>
          <p:cNvPr id="6" name="Bilde 5">
            <a:extLst>
              <a:ext uri="{FF2B5EF4-FFF2-40B4-BE49-F238E27FC236}">
                <a16:creationId xmlns:a16="http://schemas.microsoft.com/office/drawing/2014/main" id="{207A6E7E-EE91-9F01-25F2-26042AC4824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5123935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oundRect">
            <a:avLst>
              <a:gd name="adj" fmla="val 0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2400"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r>
              <a:rPr lang="nb-NO" dirty="0"/>
              <a:t> </a:t>
            </a:r>
          </a:p>
        </p:txBody>
      </p:sp>
      <p:sp>
        <p:nvSpPr>
          <p:cNvPr id="3" name="TekstSylinder 14">
            <a:extLst>
              <a:ext uri="{FF2B5EF4-FFF2-40B4-BE49-F238E27FC236}">
                <a16:creationId xmlns:a16="http://schemas.microsoft.com/office/drawing/2014/main" id="{BF3BCEB8-29E3-EAC5-555B-85C88F475378}"/>
              </a:ext>
            </a:extLst>
          </p:cNvPr>
          <p:cNvSpPr txBox="1"/>
          <p:nvPr userDrawn="1"/>
        </p:nvSpPr>
        <p:spPr>
          <a:xfrm>
            <a:off x="838200" y="5028901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 dirty="0">
                <a:solidFill>
                  <a:schemeClr val="bg2"/>
                </a:solidFill>
                <a:latin typeface="Aptos" panose="020B0004020202020204" pitchFamily="34" charset="0"/>
              </a:rPr>
              <a:t>Kunde</a:t>
            </a:r>
          </a:p>
        </p:txBody>
      </p:sp>
      <p:sp>
        <p:nvSpPr>
          <p:cNvPr id="4" name="TekstSylinder 15">
            <a:extLst>
              <a:ext uri="{FF2B5EF4-FFF2-40B4-BE49-F238E27FC236}">
                <a16:creationId xmlns:a16="http://schemas.microsoft.com/office/drawing/2014/main" id="{87591440-A861-9F5B-EAB5-77511E29704E}"/>
              </a:ext>
            </a:extLst>
          </p:cNvPr>
          <p:cNvSpPr txBox="1"/>
          <p:nvPr userDrawn="1"/>
        </p:nvSpPr>
        <p:spPr>
          <a:xfrm>
            <a:off x="838200" y="545269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bg2"/>
                </a:solidFill>
                <a:latin typeface="Aptos" panose="020B0004020202020204" pitchFamily="34" charset="0"/>
              </a:rPr>
              <a:t>Lokasjon</a:t>
            </a:r>
          </a:p>
        </p:txBody>
      </p:sp>
      <p:sp>
        <p:nvSpPr>
          <p:cNvPr id="5" name="TekstSylinder 16">
            <a:extLst>
              <a:ext uri="{FF2B5EF4-FFF2-40B4-BE49-F238E27FC236}">
                <a16:creationId xmlns:a16="http://schemas.microsoft.com/office/drawing/2014/main" id="{F290C593-FF37-FD90-83D7-B9B587809C04}"/>
              </a:ext>
            </a:extLst>
          </p:cNvPr>
          <p:cNvSpPr txBox="1"/>
          <p:nvPr userDrawn="1"/>
        </p:nvSpPr>
        <p:spPr>
          <a:xfrm>
            <a:off x="838200" y="5876488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bg2"/>
                </a:solidFill>
                <a:latin typeface="Aptos" panose="020B0004020202020204" pitchFamily="34" charset="0"/>
              </a:rPr>
              <a:t>Tidsperiode</a:t>
            </a:r>
          </a:p>
        </p:txBody>
      </p:sp>
      <p:sp>
        <p:nvSpPr>
          <p:cNvPr id="8" name="Plassholder for tekst 6">
            <a:extLst>
              <a:ext uri="{FF2B5EF4-FFF2-40B4-BE49-F238E27FC236}">
                <a16:creationId xmlns:a16="http://schemas.microsoft.com/office/drawing/2014/main" id="{2CB9C692-40C2-353B-B7F0-F89CB66B8B56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1953504" y="5028901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9" name="Plassholder for tekst 6">
            <a:extLst>
              <a:ext uri="{FF2B5EF4-FFF2-40B4-BE49-F238E27FC236}">
                <a16:creationId xmlns:a16="http://schemas.microsoft.com/office/drawing/2014/main" id="{0D801485-4696-4F7F-7E85-5441F2ABCE74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1953504" y="5452694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10" name="Plassholder for tekst 6">
            <a:extLst>
              <a:ext uri="{FF2B5EF4-FFF2-40B4-BE49-F238E27FC236}">
                <a16:creationId xmlns:a16="http://schemas.microsoft.com/office/drawing/2014/main" id="{0A3CF51F-CE91-C97C-7EA4-E7186D9AF5F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953504" y="5876488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12" name="Rett linje 25">
            <a:extLst>
              <a:ext uri="{FF2B5EF4-FFF2-40B4-BE49-F238E27FC236}">
                <a16:creationId xmlns:a16="http://schemas.microsoft.com/office/drawing/2014/main" id="{9A9D6382-080C-9F68-FF7E-54B2C77ABB8D}"/>
              </a:ext>
            </a:extLst>
          </p:cNvPr>
          <p:cNvCxnSpPr>
            <a:cxnSpLocks/>
          </p:cNvCxnSpPr>
          <p:nvPr userDrawn="1"/>
        </p:nvCxnSpPr>
        <p:spPr>
          <a:xfrm>
            <a:off x="1935990" y="49878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Rett linje 40">
            <a:extLst>
              <a:ext uri="{FF2B5EF4-FFF2-40B4-BE49-F238E27FC236}">
                <a16:creationId xmlns:a16="http://schemas.microsoft.com/office/drawing/2014/main" id="{FA0B4AAF-2891-1DFD-6DC7-5A62CC0C84AA}"/>
              </a:ext>
            </a:extLst>
          </p:cNvPr>
          <p:cNvCxnSpPr>
            <a:cxnSpLocks/>
          </p:cNvCxnSpPr>
          <p:nvPr userDrawn="1"/>
        </p:nvCxnSpPr>
        <p:spPr>
          <a:xfrm>
            <a:off x="1935990" y="54069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Rett linje 41">
            <a:extLst>
              <a:ext uri="{FF2B5EF4-FFF2-40B4-BE49-F238E27FC236}">
                <a16:creationId xmlns:a16="http://schemas.microsoft.com/office/drawing/2014/main" id="{F749D22B-869E-D148-CFF8-1CFE43D9B9DE}"/>
              </a:ext>
            </a:extLst>
          </p:cNvPr>
          <p:cNvCxnSpPr>
            <a:cxnSpLocks/>
          </p:cNvCxnSpPr>
          <p:nvPr userDrawn="1"/>
        </p:nvCxnSpPr>
        <p:spPr>
          <a:xfrm>
            <a:off x="1935990" y="583553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Rett linje 52">
            <a:extLst>
              <a:ext uri="{FF2B5EF4-FFF2-40B4-BE49-F238E27FC236}">
                <a16:creationId xmlns:a16="http://schemas.microsoft.com/office/drawing/2014/main" id="{31B24B6F-7EBB-1624-56D1-6F084AD78259}"/>
              </a:ext>
            </a:extLst>
          </p:cNvPr>
          <p:cNvCxnSpPr>
            <a:cxnSpLocks/>
          </p:cNvCxnSpPr>
          <p:nvPr userDrawn="1"/>
        </p:nvCxnSpPr>
        <p:spPr>
          <a:xfrm>
            <a:off x="1935990" y="624776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749485298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3 (ENG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38200" y="1440000"/>
            <a:ext cx="5123934" cy="3166501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bg2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pic>
        <p:nvPicPr>
          <p:cNvPr id="6" name="Bilde 5">
            <a:extLst>
              <a:ext uri="{FF2B5EF4-FFF2-40B4-BE49-F238E27FC236}">
                <a16:creationId xmlns:a16="http://schemas.microsoft.com/office/drawing/2014/main" id="{207A6E7E-EE91-9F01-25F2-26042AC4824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5123935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oundRect">
            <a:avLst>
              <a:gd name="adj" fmla="val 0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2400"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r>
              <a:rPr lang="nb-NO" dirty="0"/>
              <a:t> </a:t>
            </a:r>
          </a:p>
        </p:txBody>
      </p:sp>
      <p:sp>
        <p:nvSpPr>
          <p:cNvPr id="3" name="TekstSylinder 14">
            <a:extLst>
              <a:ext uri="{FF2B5EF4-FFF2-40B4-BE49-F238E27FC236}">
                <a16:creationId xmlns:a16="http://schemas.microsoft.com/office/drawing/2014/main" id="{BF3BCEB8-29E3-EAC5-555B-85C88F475378}"/>
              </a:ext>
            </a:extLst>
          </p:cNvPr>
          <p:cNvSpPr txBox="1"/>
          <p:nvPr userDrawn="1"/>
        </p:nvSpPr>
        <p:spPr>
          <a:xfrm>
            <a:off x="838200" y="5028901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bg2"/>
                </a:solidFill>
                <a:latin typeface="Aptos" panose="020B0004020202020204" pitchFamily="34" charset="0"/>
              </a:rPr>
              <a:t>Client</a:t>
            </a:r>
          </a:p>
        </p:txBody>
      </p:sp>
      <p:sp>
        <p:nvSpPr>
          <p:cNvPr id="4" name="TekstSylinder 15">
            <a:extLst>
              <a:ext uri="{FF2B5EF4-FFF2-40B4-BE49-F238E27FC236}">
                <a16:creationId xmlns:a16="http://schemas.microsoft.com/office/drawing/2014/main" id="{87591440-A861-9F5B-EAB5-77511E29704E}"/>
              </a:ext>
            </a:extLst>
          </p:cNvPr>
          <p:cNvSpPr txBox="1"/>
          <p:nvPr userDrawn="1"/>
        </p:nvSpPr>
        <p:spPr>
          <a:xfrm>
            <a:off x="838200" y="545269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bg2"/>
                </a:solidFill>
                <a:latin typeface="Aptos" panose="020B0004020202020204" pitchFamily="34" charset="0"/>
              </a:rPr>
              <a:t>Location</a:t>
            </a:r>
          </a:p>
        </p:txBody>
      </p:sp>
      <p:sp>
        <p:nvSpPr>
          <p:cNvPr id="5" name="TekstSylinder 16">
            <a:extLst>
              <a:ext uri="{FF2B5EF4-FFF2-40B4-BE49-F238E27FC236}">
                <a16:creationId xmlns:a16="http://schemas.microsoft.com/office/drawing/2014/main" id="{F290C593-FF37-FD90-83D7-B9B587809C04}"/>
              </a:ext>
            </a:extLst>
          </p:cNvPr>
          <p:cNvSpPr txBox="1"/>
          <p:nvPr userDrawn="1"/>
        </p:nvSpPr>
        <p:spPr>
          <a:xfrm>
            <a:off x="838200" y="5876488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bg2"/>
                </a:solidFill>
                <a:latin typeface="Aptos" panose="020B0004020202020204" pitchFamily="34" charset="0"/>
              </a:rPr>
              <a:t>Time period</a:t>
            </a:r>
          </a:p>
        </p:txBody>
      </p:sp>
      <p:sp>
        <p:nvSpPr>
          <p:cNvPr id="8" name="Plassholder for tekst 6">
            <a:extLst>
              <a:ext uri="{FF2B5EF4-FFF2-40B4-BE49-F238E27FC236}">
                <a16:creationId xmlns:a16="http://schemas.microsoft.com/office/drawing/2014/main" id="{2CB9C692-40C2-353B-B7F0-F89CB66B8B56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1953504" y="5028901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9" name="Plassholder for tekst 6">
            <a:extLst>
              <a:ext uri="{FF2B5EF4-FFF2-40B4-BE49-F238E27FC236}">
                <a16:creationId xmlns:a16="http://schemas.microsoft.com/office/drawing/2014/main" id="{0D801485-4696-4F7F-7E85-5441F2ABCE74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1953504" y="5452694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10" name="Plassholder for tekst 6">
            <a:extLst>
              <a:ext uri="{FF2B5EF4-FFF2-40B4-BE49-F238E27FC236}">
                <a16:creationId xmlns:a16="http://schemas.microsoft.com/office/drawing/2014/main" id="{0A3CF51F-CE91-C97C-7EA4-E7186D9AF5F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953504" y="5876488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12" name="Rett linje 25">
            <a:extLst>
              <a:ext uri="{FF2B5EF4-FFF2-40B4-BE49-F238E27FC236}">
                <a16:creationId xmlns:a16="http://schemas.microsoft.com/office/drawing/2014/main" id="{9A9D6382-080C-9F68-FF7E-54B2C77ABB8D}"/>
              </a:ext>
            </a:extLst>
          </p:cNvPr>
          <p:cNvCxnSpPr>
            <a:cxnSpLocks/>
          </p:cNvCxnSpPr>
          <p:nvPr userDrawn="1"/>
        </p:nvCxnSpPr>
        <p:spPr>
          <a:xfrm>
            <a:off x="1935990" y="49878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Rett linje 40">
            <a:extLst>
              <a:ext uri="{FF2B5EF4-FFF2-40B4-BE49-F238E27FC236}">
                <a16:creationId xmlns:a16="http://schemas.microsoft.com/office/drawing/2014/main" id="{FA0B4AAF-2891-1DFD-6DC7-5A62CC0C84AA}"/>
              </a:ext>
            </a:extLst>
          </p:cNvPr>
          <p:cNvCxnSpPr>
            <a:cxnSpLocks/>
          </p:cNvCxnSpPr>
          <p:nvPr userDrawn="1"/>
        </p:nvCxnSpPr>
        <p:spPr>
          <a:xfrm>
            <a:off x="1935990" y="54069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Rett linje 41">
            <a:extLst>
              <a:ext uri="{FF2B5EF4-FFF2-40B4-BE49-F238E27FC236}">
                <a16:creationId xmlns:a16="http://schemas.microsoft.com/office/drawing/2014/main" id="{F749D22B-869E-D148-CFF8-1CFE43D9B9DE}"/>
              </a:ext>
            </a:extLst>
          </p:cNvPr>
          <p:cNvCxnSpPr>
            <a:cxnSpLocks/>
          </p:cNvCxnSpPr>
          <p:nvPr userDrawn="1"/>
        </p:nvCxnSpPr>
        <p:spPr>
          <a:xfrm>
            <a:off x="1935990" y="583553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Rett linje 52">
            <a:extLst>
              <a:ext uri="{FF2B5EF4-FFF2-40B4-BE49-F238E27FC236}">
                <a16:creationId xmlns:a16="http://schemas.microsoft.com/office/drawing/2014/main" id="{31B24B6F-7EBB-1624-56D1-6F084AD78259}"/>
              </a:ext>
            </a:extLst>
          </p:cNvPr>
          <p:cNvCxnSpPr>
            <a:cxnSpLocks/>
          </p:cNvCxnSpPr>
          <p:nvPr userDrawn="1"/>
        </p:nvCxnSpPr>
        <p:spPr>
          <a:xfrm>
            <a:off x="1935990" y="624776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70180659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edragsho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207A6E7E-EE91-9F01-25F2-26042AC4824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C6CA6EF6-969E-32D2-F3C2-44B99BFE0F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10515600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Om foredragsholder</a:t>
            </a:r>
          </a:p>
        </p:txBody>
      </p:sp>
      <p:sp>
        <p:nvSpPr>
          <p:cNvPr id="8" name="Plassholder for bilde 8">
            <a:extLst>
              <a:ext uri="{FF2B5EF4-FFF2-40B4-BE49-F238E27FC236}">
                <a16:creationId xmlns:a16="http://schemas.microsoft.com/office/drawing/2014/main" id="{295FE7D5-DCFA-A2F7-3868-C1754FB29B4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38200" y="1442545"/>
            <a:ext cx="3019926" cy="3136214"/>
          </a:xfrm>
          <a:prstGeom prst="roundRect">
            <a:avLst>
              <a:gd name="adj" fmla="val 4964"/>
            </a:avLst>
          </a:prstGeom>
          <a:noFill/>
        </p:spPr>
        <p:txBody>
          <a:bodyPr anchor="ctr">
            <a:normAutofit/>
          </a:bodyPr>
          <a:lstStyle>
            <a:lvl1pPr marL="0" indent="0" algn="ctr">
              <a:buNone/>
              <a:defRPr sz="1600"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9" name="Plassholder for innhold 3">
            <a:extLst>
              <a:ext uri="{FF2B5EF4-FFF2-40B4-BE49-F238E27FC236}">
                <a16:creationId xmlns:a16="http://schemas.microsoft.com/office/drawing/2014/main" id="{9CA5ED19-FC3C-3A32-5BF7-324A4D3A1693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39988" y="1442545"/>
            <a:ext cx="7013814" cy="4604901"/>
          </a:xfrm>
        </p:spPr>
        <p:txBody>
          <a:bodyPr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bg2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15" name="Plassholder for tekst 6">
            <a:extLst>
              <a:ext uri="{FF2B5EF4-FFF2-40B4-BE49-F238E27FC236}">
                <a16:creationId xmlns:a16="http://schemas.microsoft.com/office/drawing/2014/main" id="{9D160BB7-D4F8-62A8-A097-3948333F3D5A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38200" y="5201836"/>
            <a:ext cx="3019926" cy="845610"/>
          </a:xfrm>
        </p:spPr>
        <p:txBody>
          <a:bodyPr anchor="t">
            <a:noAutofit/>
          </a:bodyPr>
          <a:lstStyle>
            <a:lvl1pPr marL="0" indent="0">
              <a:buNone/>
              <a:defRPr sz="12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26" name="Plassholder for tekst 6">
            <a:extLst>
              <a:ext uri="{FF2B5EF4-FFF2-40B4-BE49-F238E27FC236}">
                <a16:creationId xmlns:a16="http://schemas.microsoft.com/office/drawing/2014/main" id="{5704CB11-B115-1235-25B3-997F3526E540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838200" y="4887938"/>
            <a:ext cx="3019926" cy="313898"/>
          </a:xfrm>
        </p:spPr>
        <p:txBody>
          <a:bodyPr anchor="t">
            <a:noAutofit/>
          </a:bodyPr>
          <a:lstStyle>
            <a:lvl1pPr marL="0" indent="0">
              <a:buNone/>
              <a:defRPr sz="1600" b="1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ontaktperson</a:t>
            </a:r>
          </a:p>
        </p:txBody>
      </p:sp>
    </p:spTree>
    <p:extLst>
      <p:ext uri="{BB962C8B-B14F-4D97-AF65-F5344CB8AC3E}">
        <p14:creationId xmlns:p14="http://schemas.microsoft.com/office/powerpoint/2010/main" val="2953712064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t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6EECB6F6-F12D-F5A7-4ADB-764F7DF53A2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52683" y="2420647"/>
            <a:ext cx="6086634" cy="2016705"/>
          </a:xfrm>
          <a:prstGeom prst="rect">
            <a:avLst/>
          </a:prstGeom>
        </p:spPr>
      </p:pic>
      <p:pic>
        <p:nvPicPr>
          <p:cNvPr id="4" name="Bilde 3">
            <a:extLst>
              <a:ext uri="{FF2B5EF4-FFF2-40B4-BE49-F238E27FC236}">
                <a16:creationId xmlns:a16="http://schemas.microsoft.com/office/drawing/2014/main" id="{D0DD72CF-8B80-D229-8DB4-6EB43F0B4AB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3721536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6" dur="3000" fill="hold"/>
                                        <p:tgtEl>
                                          <p:spTgt spid="6"/>
                                        </p:tgtEl>
                                      </p:cBhvr>
                                      <p:by x="110000" y="110000"/>
                                    </p:animScale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forside 1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lassholder for bilde 7">
            <a:extLst>
              <a:ext uri="{FF2B5EF4-FFF2-40B4-BE49-F238E27FC236}">
                <a16:creationId xmlns:a16="http://schemas.microsoft.com/office/drawing/2014/main" id="{9C341B83-C3EE-BDE8-2180-BBE0D841113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12913" b="12913"/>
          <a:stretch/>
        </p:blipFill>
        <p:spPr>
          <a:xfrm>
            <a:off x="838199" y="818284"/>
            <a:ext cx="10511434" cy="5219602"/>
          </a:xfrm>
          <a:custGeom>
            <a:avLst/>
            <a:gdLst>
              <a:gd name="connsiteX0" fmla="*/ 224033 w 10509274"/>
              <a:gd name="connsiteY0" fmla="*/ 0 h 5218477"/>
              <a:gd name="connsiteX1" fmla="*/ 7150832 w 10509274"/>
              <a:gd name="connsiteY1" fmla="*/ 0 h 5218477"/>
              <a:gd name="connsiteX2" fmla="*/ 7374864 w 10509274"/>
              <a:gd name="connsiteY2" fmla="*/ 223995 h 5218477"/>
              <a:gd name="connsiteX3" fmla="*/ 7374864 w 10509274"/>
              <a:gd name="connsiteY3" fmla="*/ 930750 h 5218477"/>
              <a:gd name="connsiteX4" fmla="*/ 7791002 w 10509274"/>
              <a:gd name="connsiteY4" fmla="*/ 1046013 h 5218477"/>
              <a:gd name="connsiteX5" fmla="*/ 8353456 w 10509274"/>
              <a:gd name="connsiteY5" fmla="*/ 108731 h 5218477"/>
              <a:gd name="connsiteX6" fmla="*/ 8545559 w 10509274"/>
              <a:gd name="connsiteY6" fmla="*/ 0 h 5218477"/>
              <a:gd name="connsiteX7" fmla="*/ 10285240 w 10509274"/>
              <a:gd name="connsiteY7" fmla="*/ 0 h 5218477"/>
              <a:gd name="connsiteX8" fmla="*/ 10509274 w 10509274"/>
              <a:gd name="connsiteY8" fmla="*/ 223995 h 5218477"/>
              <a:gd name="connsiteX9" fmla="*/ 10509274 w 10509274"/>
              <a:gd name="connsiteY9" fmla="*/ 3416822 h 5218477"/>
              <a:gd name="connsiteX10" fmla="*/ 10477186 w 10509274"/>
              <a:gd name="connsiteY10" fmla="*/ 3532297 h 5218477"/>
              <a:gd name="connsiteX11" fmla="*/ 9527890 w 10509274"/>
              <a:gd name="connsiteY11" fmla="*/ 5109956 h 5218477"/>
              <a:gd name="connsiteX12" fmla="*/ 9335945 w 10509274"/>
              <a:gd name="connsiteY12" fmla="*/ 5218477 h 5218477"/>
              <a:gd name="connsiteX13" fmla="*/ 224033 w 10509274"/>
              <a:gd name="connsiteY13" fmla="*/ 5218477 h 5218477"/>
              <a:gd name="connsiteX14" fmla="*/ 0 w 10509274"/>
              <a:gd name="connsiteY14" fmla="*/ 4994482 h 5218477"/>
              <a:gd name="connsiteX15" fmla="*/ 0 w 10509274"/>
              <a:gd name="connsiteY15" fmla="*/ 223995 h 5218477"/>
              <a:gd name="connsiteX16" fmla="*/ 224033 w 10509274"/>
              <a:gd name="connsiteY16" fmla="*/ 0 h 521847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0509274" h="5218477">
                <a:moveTo>
                  <a:pt x="224033" y="0"/>
                </a:moveTo>
                <a:lnTo>
                  <a:pt x="7150832" y="0"/>
                </a:lnTo>
                <a:cubicBezTo>
                  <a:pt x="7274545" y="0"/>
                  <a:pt x="7374864" y="100303"/>
                  <a:pt x="7374864" y="223995"/>
                </a:cubicBezTo>
                <a:lnTo>
                  <a:pt x="7374864" y="930750"/>
                </a:lnTo>
                <a:cubicBezTo>
                  <a:pt x="7374864" y="1157958"/>
                  <a:pt x="7674085" y="1240824"/>
                  <a:pt x="7791002" y="1046013"/>
                </a:cubicBezTo>
                <a:lnTo>
                  <a:pt x="8353456" y="108731"/>
                </a:lnTo>
                <a:cubicBezTo>
                  <a:pt x="8393920" y="41301"/>
                  <a:pt x="8466841" y="0"/>
                  <a:pt x="8545559" y="0"/>
                </a:cubicBezTo>
                <a:lnTo>
                  <a:pt x="10285240" y="0"/>
                </a:lnTo>
                <a:cubicBezTo>
                  <a:pt x="10408954" y="0"/>
                  <a:pt x="10509274" y="100303"/>
                  <a:pt x="10509274" y="223995"/>
                </a:cubicBezTo>
                <a:lnTo>
                  <a:pt x="10509274" y="3416822"/>
                </a:lnTo>
                <a:cubicBezTo>
                  <a:pt x="10509274" y="3457491"/>
                  <a:pt x="10498156" y="3497423"/>
                  <a:pt x="10477186" y="3532297"/>
                </a:cubicBezTo>
                <a:lnTo>
                  <a:pt x="9527890" y="5109956"/>
                </a:lnTo>
                <a:cubicBezTo>
                  <a:pt x="9487373" y="5177281"/>
                  <a:pt x="9414556" y="5218477"/>
                  <a:pt x="9335945" y="5218477"/>
                </a:cubicBezTo>
                <a:lnTo>
                  <a:pt x="224033" y="5218477"/>
                </a:lnTo>
                <a:cubicBezTo>
                  <a:pt x="100320" y="5218477"/>
                  <a:pt x="0" y="5118174"/>
                  <a:pt x="0" y="4994482"/>
                </a:cubicBezTo>
                <a:lnTo>
                  <a:pt x="0" y="223995"/>
                </a:lnTo>
                <a:cubicBezTo>
                  <a:pt x="0" y="100303"/>
                  <a:pt x="100320" y="0"/>
                  <a:pt x="224033" y="0"/>
                </a:cubicBezTo>
                <a:close/>
              </a:path>
            </a:pathLst>
          </a:custGeom>
        </p:spPr>
      </p:pic>
      <p:sp>
        <p:nvSpPr>
          <p:cNvPr id="3" name="Rektangel 1">
            <a:extLst>
              <a:ext uri="{FF2B5EF4-FFF2-40B4-BE49-F238E27FC236}">
                <a16:creationId xmlns:a16="http://schemas.microsoft.com/office/drawing/2014/main" id="{D2B110BE-E7FF-3F9A-C7CE-8945B51DDB4A}"/>
              </a:ext>
            </a:extLst>
          </p:cNvPr>
          <p:cNvSpPr/>
          <p:nvPr userDrawn="1"/>
        </p:nvSpPr>
        <p:spPr>
          <a:xfrm rot="5400000" flipV="1">
            <a:off x="692328" y="-457198"/>
            <a:ext cx="6858003" cy="7772400"/>
          </a:xfrm>
          <a:prstGeom prst="rect">
            <a:avLst/>
          </a:prstGeom>
          <a:gradFill>
            <a:gsLst>
              <a:gs pos="0">
                <a:schemeClr val="tx1"/>
              </a:gs>
              <a:gs pos="99000">
                <a:schemeClr val="tx1">
                  <a:alpha val="0"/>
                </a:schemeClr>
              </a:gs>
            </a:gsLst>
            <a:lin ang="5400000" scaled="1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1800" b="0" i="0" u="none" strike="noStrike" kern="1200" cap="none" spc="0" normalizeH="0" baseline="0" noProof="0">
              <a:ln>
                <a:noFill/>
              </a:ln>
              <a:solidFill>
                <a:srgbClr val="E8E3E2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4" name="Bilde 1">
            <a:extLst>
              <a:ext uri="{FF2B5EF4-FFF2-40B4-BE49-F238E27FC236}">
                <a16:creationId xmlns:a16="http://schemas.microsoft.com/office/drawing/2014/main" id="{7B9AE7EB-A0D7-11BC-8BF0-9B362A1E9D13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20648" y="985723"/>
            <a:ext cx="5058047" cy="1675899"/>
          </a:xfrm>
          <a:prstGeom prst="rect">
            <a:avLst/>
          </a:prstGeom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F3ED505F-107C-591B-4379-C2CEF2AC9316}"/>
              </a:ext>
            </a:extLst>
          </p:cNvPr>
          <p:cNvSpPr txBox="1"/>
          <p:nvPr userDrawn="1"/>
        </p:nvSpPr>
        <p:spPr>
          <a:xfrm>
            <a:off x="6446848" y="5945553"/>
            <a:ext cx="3802325" cy="92333"/>
          </a:xfrm>
          <a:prstGeom prst="rect">
            <a:avLst/>
          </a:prstGeom>
          <a:noFill/>
        </p:spPr>
        <p:txBody>
          <a:bodyPr wrap="square" lIns="36000" tIns="0" rIns="36000" bIns="0" rtlCol="0">
            <a:spAutoFit/>
          </a:bodyPr>
          <a:lstStyle/>
          <a:p>
            <a:pPr algn="r"/>
            <a:r>
              <a:rPr lang="nb-NO" sz="600" i="1" dirty="0">
                <a:solidFill>
                  <a:schemeClr val="bg1"/>
                </a:solidFill>
              </a:rPr>
              <a:t>Håhammeren bro og turvei | Foto: Jo Gaute Fornes</a:t>
            </a:r>
          </a:p>
        </p:txBody>
      </p:sp>
      <p:pic>
        <p:nvPicPr>
          <p:cNvPr id="41" name="Bilde 40">
            <a:extLst>
              <a:ext uri="{FF2B5EF4-FFF2-40B4-BE49-F238E27FC236}">
                <a16:creationId xmlns:a16="http://schemas.microsoft.com/office/drawing/2014/main" id="{59A61231-5D90-F084-BD09-FB9296AC37C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EFD210B8-09A4-A260-C46C-C313FDAE6E5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199" y="2729878"/>
            <a:ext cx="10477501" cy="2278517"/>
          </a:xfrm>
        </p:spPr>
        <p:txBody>
          <a:bodyPr anchor="b">
            <a:noAutofit/>
          </a:bodyPr>
          <a:lstStyle>
            <a:lvl1pPr algn="l">
              <a:defRPr sz="54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8" name="Undertittel 2">
            <a:extLst>
              <a:ext uri="{FF2B5EF4-FFF2-40B4-BE49-F238E27FC236}">
                <a16:creationId xmlns:a16="http://schemas.microsoft.com/office/drawing/2014/main" id="{25714656-4DE0-D1C9-14BC-A00D7830D4B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199" y="5123507"/>
            <a:ext cx="10477500" cy="918000"/>
          </a:xfrm>
        </p:spPr>
        <p:txBody>
          <a:bodyPr>
            <a:noAutofit/>
          </a:bodyPr>
          <a:lstStyle>
            <a:lvl1pPr marL="0" indent="0" algn="l">
              <a:buNone/>
              <a:defRPr sz="20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her for å redigere undertittel</a:t>
            </a:r>
          </a:p>
        </p:txBody>
      </p:sp>
    </p:spTree>
    <p:extLst>
      <p:ext uri="{BB962C8B-B14F-4D97-AF65-F5344CB8AC3E}">
        <p14:creationId xmlns:p14="http://schemas.microsoft.com/office/powerpoint/2010/main" val="13947463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fors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38199" y="1501160"/>
            <a:ext cx="4971402" cy="3505737"/>
          </a:xfrm>
        </p:spPr>
        <p:txBody>
          <a:bodyPr anchor="b">
            <a:noAutofit/>
          </a:bodyPr>
          <a:lstStyle>
            <a:lvl1pPr algn="l">
              <a:defRPr sz="5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199" y="5120639"/>
            <a:ext cx="4971402" cy="919301"/>
          </a:xfrm>
        </p:spPr>
        <p:txBody>
          <a:bodyPr>
            <a:noAutofit/>
          </a:bodyPr>
          <a:lstStyle>
            <a:lvl1pPr marL="0" indent="0" algn="l">
              <a:buNone/>
              <a:defRPr sz="20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her for å redigere undertittel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DCFC6F05-CC25-3847-DE7E-E810DF531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Picture 5" descr="A collage of images of various types of water&#10;&#10;Description automatically generated">
            <a:extLst>
              <a:ext uri="{FF2B5EF4-FFF2-40B4-BE49-F238E27FC236}">
                <a16:creationId xmlns:a16="http://schemas.microsoft.com/office/drawing/2014/main" id="{D6721ECC-DBE3-D267-C4DA-51167C451193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6138000" y="828000"/>
            <a:ext cx="5212800" cy="5212800"/>
          </a:xfrm>
          <a:prstGeom prst="rect">
            <a:avLst/>
          </a:prstGeom>
        </p:spPr>
      </p:pic>
      <p:pic>
        <p:nvPicPr>
          <p:cNvPr id="5" name="Bilde 2">
            <a:extLst>
              <a:ext uri="{FF2B5EF4-FFF2-40B4-BE49-F238E27FC236}">
                <a16:creationId xmlns:a16="http://schemas.microsoft.com/office/drawing/2014/main" id="{25D9B593-A64C-4374-97F6-17A5D3A2340F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0493125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5">
            <a:extLst>
              <a:ext uri="{FF2B5EF4-FFF2-40B4-BE49-F238E27FC236}">
                <a16:creationId xmlns:a16="http://schemas.microsoft.com/office/drawing/2014/main" id="{8F3FE7BC-CCDA-25E1-31CE-556CF758717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39124" y="819196"/>
            <a:ext cx="10512596" cy="5221779"/>
          </a:xfrm>
          <a:custGeom>
            <a:avLst/>
            <a:gdLst>
              <a:gd name="connsiteX0" fmla="*/ 1170935 w 10511434"/>
              <a:gd name="connsiteY0" fmla="*/ 0 h 5219602"/>
              <a:gd name="connsiteX1" fmla="*/ 10287355 w 10511434"/>
              <a:gd name="connsiteY1" fmla="*/ 0 h 5219602"/>
              <a:gd name="connsiteX2" fmla="*/ 10511434 w 10511434"/>
              <a:gd name="connsiteY2" fmla="*/ 224041 h 5219602"/>
              <a:gd name="connsiteX3" fmla="*/ 10511434 w 10511434"/>
              <a:gd name="connsiteY3" fmla="*/ 4995561 h 5219602"/>
              <a:gd name="connsiteX4" fmla="*/ 10287355 w 10511434"/>
              <a:gd name="connsiteY4" fmla="*/ 5219602 h 5219602"/>
              <a:gd name="connsiteX5" fmla="*/ 8647340 w 10511434"/>
              <a:gd name="connsiteY5" fmla="*/ 5219602 h 5219602"/>
              <a:gd name="connsiteX6" fmla="*/ 8423260 w 10511434"/>
              <a:gd name="connsiteY6" fmla="*/ 4995561 h 5219602"/>
              <a:gd name="connsiteX7" fmla="*/ 8423260 w 10511434"/>
              <a:gd name="connsiteY7" fmla="*/ 4288609 h 5219602"/>
              <a:gd name="connsiteX8" fmla="*/ 8007038 w 10511434"/>
              <a:gd name="connsiteY8" fmla="*/ 4173321 h 5219602"/>
              <a:gd name="connsiteX9" fmla="*/ 7444469 w 10511434"/>
              <a:gd name="connsiteY9" fmla="*/ 5110796 h 5219602"/>
              <a:gd name="connsiteX10" fmla="*/ 7252326 w 10511434"/>
              <a:gd name="connsiteY10" fmla="*/ 5219549 h 5219602"/>
              <a:gd name="connsiteX11" fmla="*/ 224079 w 10511434"/>
              <a:gd name="connsiteY11" fmla="*/ 5219549 h 5219602"/>
              <a:gd name="connsiteX12" fmla="*/ 0 w 10511434"/>
              <a:gd name="connsiteY12" fmla="*/ 4995508 h 5219602"/>
              <a:gd name="connsiteX13" fmla="*/ 0 w 10511434"/>
              <a:gd name="connsiteY13" fmla="*/ 1801920 h 5219602"/>
              <a:gd name="connsiteX14" fmla="*/ 31936 w 10511434"/>
              <a:gd name="connsiteY14" fmla="*/ 1686632 h 5219602"/>
              <a:gd name="connsiteX15" fmla="*/ 978792 w 10511434"/>
              <a:gd name="connsiteY15" fmla="*/ 108754 h 5219602"/>
              <a:gd name="connsiteX16" fmla="*/ 1170935 w 10511434"/>
              <a:gd name="connsiteY16" fmla="*/ 0 h 5219602"/>
              <a:gd name="connsiteX0" fmla="*/ 1170935 w 10511434"/>
              <a:gd name="connsiteY0" fmla="*/ 0 h 5219602"/>
              <a:gd name="connsiteX1" fmla="*/ 10287355 w 10511434"/>
              <a:gd name="connsiteY1" fmla="*/ 0 h 5219602"/>
              <a:gd name="connsiteX2" fmla="*/ 10511434 w 10511434"/>
              <a:gd name="connsiteY2" fmla="*/ 224041 h 5219602"/>
              <a:gd name="connsiteX3" fmla="*/ 10511434 w 10511434"/>
              <a:gd name="connsiteY3" fmla="*/ 4995561 h 5219602"/>
              <a:gd name="connsiteX4" fmla="*/ 10287355 w 10511434"/>
              <a:gd name="connsiteY4" fmla="*/ 5219602 h 5219602"/>
              <a:gd name="connsiteX5" fmla="*/ 8647340 w 10511434"/>
              <a:gd name="connsiteY5" fmla="*/ 5219602 h 5219602"/>
              <a:gd name="connsiteX6" fmla="*/ 8423260 w 10511434"/>
              <a:gd name="connsiteY6" fmla="*/ 4995561 h 5219602"/>
              <a:gd name="connsiteX7" fmla="*/ 8423260 w 10511434"/>
              <a:gd name="connsiteY7" fmla="*/ 4288609 h 5219602"/>
              <a:gd name="connsiteX8" fmla="*/ 8007038 w 10511434"/>
              <a:gd name="connsiteY8" fmla="*/ 4173321 h 5219602"/>
              <a:gd name="connsiteX9" fmla="*/ 7444469 w 10511434"/>
              <a:gd name="connsiteY9" fmla="*/ 5110796 h 5219602"/>
              <a:gd name="connsiteX10" fmla="*/ 7252326 w 10511434"/>
              <a:gd name="connsiteY10" fmla="*/ 5219549 h 5219602"/>
              <a:gd name="connsiteX11" fmla="*/ 224079 w 10511434"/>
              <a:gd name="connsiteY11" fmla="*/ 5219549 h 5219602"/>
              <a:gd name="connsiteX12" fmla="*/ 0 w 10511434"/>
              <a:gd name="connsiteY12" fmla="*/ 4995508 h 5219602"/>
              <a:gd name="connsiteX13" fmla="*/ 6179 w 10511434"/>
              <a:gd name="connsiteY13" fmla="*/ 3043774 h 5219602"/>
              <a:gd name="connsiteX14" fmla="*/ 31936 w 10511434"/>
              <a:gd name="connsiteY14" fmla="*/ 1686632 h 5219602"/>
              <a:gd name="connsiteX15" fmla="*/ 978792 w 10511434"/>
              <a:gd name="connsiteY15" fmla="*/ 108754 h 5219602"/>
              <a:gd name="connsiteX16" fmla="*/ 1170935 w 10511434"/>
              <a:gd name="connsiteY16" fmla="*/ 0 h 5219602"/>
              <a:gd name="connsiteX0" fmla="*/ 1170935 w 10511434"/>
              <a:gd name="connsiteY0" fmla="*/ 0 h 5219602"/>
              <a:gd name="connsiteX1" fmla="*/ 4615225 w 10511434"/>
              <a:gd name="connsiteY1" fmla="*/ 2525 h 5219602"/>
              <a:gd name="connsiteX2" fmla="*/ 10287355 w 10511434"/>
              <a:gd name="connsiteY2" fmla="*/ 0 h 5219602"/>
              <a:gd name="connsiteX3" fmla="*/ 10511434 w 10511434"/>
              <a:gd name="connsiteY3" fmla="*/ 224041 h 5219602"/>
              <a:gd name="connsiteX4" fmla="*/ 10511434 w 10511434"/>
              <a:gd name="connsiteY4" fmla="*/ 4995561 h 5219602"/>
              <a:gd name="connsiteX5" fmla="*/ 10287355 w 10511434"/>
              <a:gd name="connsiteY5" fmla="*/ 5219602 h 5219602"/>
              <a:gd name="connsiteX6" fmla="*/ 8647340 w 10511434"/>
              <a:gd name="connsiteY6" fmla="*/ 5219602 h 5219602"/>
              <a:gd name="connsiteX7" fmla="*/ 8423260 w 10511434"/>
              <a:gd name="connsiteY7" fmla="*/ 4995561 h 5219602"/>
              <a:gd name="connsiteX8" fmla="*/ 8423260 w 10511434"/>
              <a:gd name="connsiteY8" fmla="*/ 4288609 h 5219602"/>
              <a:gd name="connsiteX9" fmla="*/ 8007038 w 10511434"/>
              <a:gd name="connsiteY9" fmla="*/ 4173321 h 5219602"/>
              <a:gd name="connsiteX10" fmla="*/ 7444469 w 10511434"/>
              <a:gd name="connsiteY10" fmla="*/ 5110796 h 5219602"/>
              <a:gd name="connsiteX11" fmla="*/ 7252326 w 10511434"/>
              <a:gd name="connsiteY11" fmla="*/ 5219549 h 5219602"/>
              <a:gd name="connsiteX12" fmla="*/ 224079 w 10511434"/>
              <a:gd name="connsiteY12" fmla="*/ 5219549 h 5219602"/>
              <a:gd name="connsiteX13" fmla="*/ 0 w 10511434"/>
              <a:gd name="connsiteY13" fmla="*/ 4995508 h 5219602"/>
              <a:gd name="connsiteX14" fmla="*/ 6179 w 10511434"/>
              <a:gd name="connsiteY14" fmla="*/ 3043774 h 5219602"/>
              <a:gd name="connsiteX15" fmla="*/ 31936 w 10511434"/>
              <a:gd name="connsiteY15" fmla="*/ 1686632 h 5219602"/>
              <a:gd name="connsiteX16" fmla="*/ 978792 w 10511434"/>
              <a:gd name="connsiteY16" fmla="*/ 108754 h 5219602"/>
              <a:gd name="connsiteX17" fmla="*/ 1170935 w 10511434"/>
              <a:gd name="connsiteY17" fmla="*/ 0 h 5219602"/>
              <a:gd name="connsiteX0" fmla="*/ 1170935 w 10511434"/>
              <a:gd name="connsiteY0" fmla="*/ 3653 h 5223255"/>
              <a:gd name="connsiteX1" fmla="*/ 6542880 w 10511434"/>
              <a:gd name="connsiteY1" fmla="*/ 0 h 5223255"/>
              <a:gd name="connsiteX2" fmla="*/ 10287355 w 10511434"/>
              <a:gd name="connsiteY2" fmla="*/ 3653 h 5223255"/>
              <a:gd name="connsiteX3" fmla="*/ 10511434 w 10511434"/>
              <a:gd name="connsiteY3" fmla="*/ 227694 h 5223255"/>
              <a:gd name="connsiteX4" fmla="*/ 10511434 w 10511434"/>
              <a:gd name="connsiteY4" fmla="*/ 4999214 h 5223255"/>
              <a:gd name="connsiteX5" fmla="*/ 10287355 w 10511434"/>
              <a:gd name="connsiteY5" fmla="*/ 5223255 h 5223255"/>
              <a:gd name="connsiteX6" fmla="*/ 8647340 w 10511434"/>
              <a:gd name="connsiteY6" fmla="*/ 5223255 h 5223255"/>
              <a:gd name="connsiteX7" fmla="*/ 8423260 w 10511434"/>
              <a:gd name="connsiteY7" fmla="*/ 4999214 h 5223255"/>
              <a:gd name="connsiteX8" fmla="*/ 8423260 w 10511434"/>
              <a:gd name="connsiteY8" fmla="*/ 4292262 h 5223255"/>
              <a:gd name="connsiteX9" fmla="*/ 8007038 w 10511434"/>
              <a:gd name="connsiteY9" fmla="*/ 4176974 h 5223255"/>
              <a:gd name="connsiteX10" fmla="*/ 7444469 w 10511434"/>
              <a:gd name="connsiteY10" fmla="*/ 5114449 h 5223255"/>
              <a:gd name="connsiteX11" fmla="*/ 7252326 w 10511434"/>
              <a:gd name="connsiteY11" fmla="*/ 5223202 h 5223255"/>
              <a:gd name="connsiteX12" fmla="*/ 224079 w 10511434"/>
              <a:gd name="connsiteY12" fmla="*/ 5223202 h 5223255"/>
              <a:gd name="connsiteX13" fmla="*/ 0 w 10511434"/>
              <a:gd name="connsiteY13" fmla="*/ 4999161 h 5223255"/>
              <a:gd name="connsiteX14" fmla="*/ 6179 w 10511434"/>
              <a:gd name="connsiteY14" fmla="*/ 3047427 h 5223255"/>
              <a:gd name="connsiteX15" fmla="*/ 31936 w 10511434"/>
              <a:gd name="connsiteY15" fmla="*/ 1690285 h 5223255"/>
              <a:gd name="connsiteX16" fmla="*/ 978792 w 10511434"/>
              <a:gd name="connsiteY16" fmla="*/ 112407 h 5223255"/>
              <a:gd name="connsiteX17" fmla="*/ 1170935 w 10511434"/>
              <a:gd name="connsiteY17" fmla="*/ 3653 h 5223255"/>
              <a:gd name="connsiteX0" fmla="*/ 1170935 w 10511434"/>
              <a:gd name="connsiteY0" fmla="*/ 3653 h 5223255"/>
              <a:gd name="connsiteX1" fmla="*/ 5653193 w 10511434"/>
              <a:gd name="connsiteY1" fmla="*/ 617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6179 w 10511434"/>
              <a:gd name="connsiteY15" fmla="*/ 3047427 h 5223255"/>
              <a:gd name="connsiteX16" fmla="*/ 31936 w 10511434"/>
              <a:gd name="connsiteY16" fmla="*/ 1690285 h 5223255"/>
              <a:gd name="connsiteX17" fmla="*/ 978792 w 10511434"/>
              <a:gd name="connsiteY17" fmla="*/ 112407 h 5223255"/>
              <a:gd name="connsiteX18" fmla="*/ 1170935 w 10511434"/>
              <a:gd name="connsiteY18" fmla="*/ 3653 h 5223255"/>
              <a:gd name="connsiteX0" fmla="*/ 1170935 w 10511434"/>
              <a:gd name="connsiteY0" fmla="*/ 3653 h 5223255"/>
              <a:gd name="connsiteX1" fmla="*/ 5529626 w 10511434"/>
              <a:gd name="connsiteY1" fmla="*/ 149516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6179 w 10511434"/>
              <a:gd name="connsiteY15" fmla="*/ 3047427 h 5223255"/>
              <a:gd name="connsiteX16" fmla="*/ 31936 w 10511434"/>
              <a:gd name="connsiteY16" fmla="*/ 1690285 h 5223255"/>
              <a:gd name="connsiteX17" fmla="*/ 978792 w 10511434"/>
              <a:gd name="connsiteY17" fmla="*/ 112407 h 5223255"/>
              <a:gd name="connsiteX18" fmla="*/ 1170935 w 10511434"/>
              <a:gd name="connsiteY18" fmla="*/ 3653 h 5223255"/>
              <a:gd name="connsiteX0" fmla="*/ 1214184 w 10511434"/>
              <a:gd name="connsiteY0" fmla="*/ 1480285 h 5223255"/>
              <a:gd name="connsiteX1" fmla="*/ 5529626 w 10511434"/>
              <a:gd name="connsiteY1" fmla="*/ 149516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6179 w 10511434"/>
              <a:gd name="connsiteY15" fmla="*/ 3047427 h 5223255"/>
              <a:gd name="connsiteX16" fmla="*/ 31936 w 10511434"/>
              <a:gd name="connsiteY16" fmla="*/ 1690285 h 5223255"/>
              <a:gd name="connsiteX17" fmla="*/ 978792 w 10511434"/>
              <a:gd name="connsiteY17" fmla="*/ 112407 h 5223255"/>
              <a:gd name="connsiteX18" fmla="*/ 1214184 w 10511434"/>
              <a:gd name="connsiteY18" fmla="*/ 1480285 h 5223255"/>
              <a:gd name="connsiteX0" fmla="*/ 1214184 w 10511434"/>
              <a:gd name="connsiteY0" fmla="*/ 1480285 h 5223255"/>
              <a:gd name="connsiteX1" fmla="*/ 5529626 w 10511434"/>
              <a:gd name="connsiteY1" fmla="*/ 149516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6179 w 10511434"/>
              <a:gd name="connsiteY15" fmla="*/ 3047427 h 5223255"/>
              <a:gd name="connsiteX16" fmla="*/ 31936 w 10511434"/>
              <a:gd name="connsiteY16" fmla="*/ 1690285 h 5223255"/>
              <a:gd name="connsiteX17" fmla="*/ 1046754 w 10511434"/>
              <a:gd name="connsiteY17" fmla="*/ 1644645 h 5223255"/>
              <a:gd name="connsiteX18" fmla="*/ 1214184 w 10511434"/>
              <a:gd name="connsiteY18" fmla="*/ 1480285 h 5223255"/>
              <a:gd name="connsiteX0" fmla="*/ 1214184 w 10511434"/>
              <a:gd name="connsiteY0" fmla="*/ 1480285 h 5223255"/>
              <a:gd name="connsiteX1" fmla="*/ 5529626 w 10511434"/>
              <a:gd name="connsiteY1" fmla="*/ 149516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1 w 10511434"/>
              <a:gd name="connsiteY15" fmla="*/ 3745583 h 5223255"/>
              <a:gd name="connsiteX16" fmla="*/ 31936 w 10511434"/>
              <a:gd name="connsiteY16" fmla="*/ 1690285 h 5223255"/>
              <a:gd name="connsiteX17" fmla="*/ 1046754 w 10511434"/>
              <a:gd name="connsiteY17" fmla="*/ 1644645 h 5223255"/>
              <a:gd name="connsiteX18" fmla="*/ 1214184 w 10511434"/>
              <a:gd name="connsiteY18" fmla="*/ 1480285 h 5223255"/>
              <a:gd name="connsiteX0" fmla="*/ 1214184 w 10511434"/>
              <a:gd name="connsiteY0" fmla="*/ 1480285 h 5223255"/>
              <a:gd name="connsiteX1" fmla="*/ 5529626 w 10511434"/>
              <a:gd name="connsiteY1" fmla="*/ 1495169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1 w 10511434"/>
              <a:gd name="connsiteY15" fmla="*/ 3745583 h 5223255"/>
              <a:gd name="connsiteX16" fmla="*/ 38115 w 10511434"/>
              <a:gd name="connsiteY16" fmla="*/ 3605582 h 5223255"/>
              <a:gd name="connsiteX17" fmla="*/ 1046754 w 10511434"/>
              <a:gd name="connsiteY17" fmla="*/ 1644645 h 5223255"/>
              <a:gd name="connsiteX18" fmla="*/ 1214184 w 10511434"/>
              <a:gd name="connsiteY18" fmla="*/ 1480285 h 5223255"/>
              <a:gd name="connsiteX0" fmla="*/ 1214184 w 10511434"/>
              <a:gd name="connsiteY0" fmla="*/ 1480285 h 5223255"/>
              <a:gd name="connsiteX1" fmla="*/ 5399880 w 10511434"/>
              <a:gd name="connsiteY1" fmla="*/ 1501348 h 5223255"/>
              <a:gd name="connsiteX2" fmla="*/ 6542880 w 10511434"/>
              <a:gd name="connsiteY2" fmla="*/ 0 h 5223255"/>
              <a:gd name="connsiteX3" fmla="*/ 10287355 w 10511434"/>
              <a:gd name="connsiteY3" fmla="*/ 3653 h 5223255"/>
              <a:gd name="connsiteX4" fmla="*/ 10511434 w 10511434"/>
              <a:gd name="connsiteY4" fmla="*/ 227694 h 5223255"/>
              <a:gd name="connsiteX5" fmla="*/ 10511434 w 10511434"/>
              <a:gd name="connsiteY5" fmla="*/ 4999214 h 5223255"/>
              <a:gd name="connsiteX6" fmla="*/ 10287355 w 10511434"/>
              <a:gd name="connsiteY6" fmla="*/ 5223255 h 5223255"/>
              <a:gd name="connsiteX7" fmla="*/ 8647340 w 10511434"/>
              <a:gd name="connsiteY7" fmla="*/ 5223255 h 5223255"/>
              <a:gd name="connsiteX8" fmla="*/ 8423260 w 10511434"/>
              <a:gd name="connsiteY8" fmla="*/ 4999214 h 5223255"/>
              <a:gd name="connsiteX9" fmla="*/ 8423260 w 10511434"/>
              <a:gd name="connsiteY9" fmla="*/ 4292262 h 5223255"/>
              <a:gd name="connsiteX10" fmla="*/ 8007038 w 10511434"/>
              <a:gd name="connsiteY10" fmla="*/ 4176974 h 5223255"/>
              <a:gd name="connsiteX11" fmla="*/ 7444469 w 10511434"/>
              <a:gd name="connsiteY11" fmla="*/ 5114449 h 5223255"/>
              <a:gd name="connsiteX12" fmla="*/ 7252326 w 10511434"/>
              <a:gd name="connsiteY12" fmla="*/ 5223202 h 5223255"/>
              <a:gd name="connsiteX13" fmla="*/ 224079 w 10511434"/>
              <a:gd name="connsiteY13" fmla="*/ 5223202 h 5223255"/>
              <a:gd name="connsiteX14" fmla="*/ 0 w 10511434"/>
              <a:gd name="connsiteY14" fmla="*/ 4999161 h 5223255"/>
              <a:gd name="connsiteX15" fmla="*/ 1 w 10511434"/>
              <a:gd name="connsiteY15" fmla="*/ 3745583 h 5223255"/>
              <a:gd name="connsiteX16" fmla="*/ 38115 w 10511434"/>
              <a:gd name="connsiteY16" fmla="*/ 3605582 h 5223255"/>
              <a:gd name="connsiteX17" fmla="*/ 1046754 w 10511434"/>
              <a:gd name="connsiteY17" fmla="*/ 1644645 h 5223255"/>
              <a:gd name="connsiteX18" fmla="*/ 1214184 w 10511434"/>
              <a:gd name="connsiteY18" fmla="*/ 1480285 h 5223255"/>
              <a:gd name="connsiteX0" fmla="*/ 1214184 w 10511434"/>
              <a:gd name="connsiteY0" fmla="*/ 1480285 h 5223255"/>
              <a:gd name="connsiteX1" fmla="*/ 5399880 w 10511434"/>
              <a:gd name="connsiteY1" fmla="*/ 1501348 h 5223255"/>
              <a:gd name="connsiteX2" fmla="*/ 5653193 w 10511434"/>
              <a:gd name="connsiteY2" fmla="*/ 1161536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399880 w 10511434"/>
              <a:gd name="connsiteY1" fmla="*/ 1501348 h 5223255"/>
              <a:gd name="connsiteX2" fmla="*/ 5603766 w 10511434"/>
              <a:gd name="connsiteY2" fmla="*/ 1402493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399880 w 10511434"/>
              <a:gd name="connsiteY1" fmla="*/ 1501348 h 5223255"/>
              <a:gd name="connsiteX2" fmla="*/ 5603766 w 10511434"/>
              <a:gd name="connsiteY2" fmla="*/ 1402493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399880 w 10511434"/>
              <a:gd name="connsiteY1" fmla="*/ 1501348 h 5223255"/>
              <a:gd name="connsiteX2" fmla="*/ 5603766 w 10511434"/>
              <a:gd name="connsiteY2" fmla="*/ 1402493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03766 w 10511434"/>
              <a:gd name="connsiteY2" fmla="*/ 1402493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84085 w 10511434"/>
              <a:gd name="connsiteY2" fmla="*/ 1340709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84085 w 10511434"/>
              <a:gd name="connsiteY2" fmla="*/ 1340709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84085 w 10511434"/>
              <a:gd name="connsiteY2" fmla="*/ 1340709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542880 w 10511434"/>
              <a:gd name="connsiteY3" fmla="*/ 0 h 5223255"/>
              <a:gd name="connsiteX4" fmla="*/ 10287355 w 10511434"/>
              <a:gd name="connsiteY4" fmla="*/ 3653 h 5223255"/>
              <a:gd name="connsiteX5" fmla="*/ 10511434 w 10511434"/>
              <a:gd name="connsiteY5" fmla="*/ 227694 h 5223255"/>
              <a:gd name="connsiteX6" fmla="*/ 10511434 w 10511434"/>
              <a:gd name="connsiteY6" fmla="*/ 4999214 h 5223255"/>
              <a:gd name="connsiteX7" fmla="*/ 10287355 w 10511434"/>
              <a:gd name="connsiteY7" fmla="*/ 5223255 h 5223255"/>
              <a:gd name="connsiteX8" fmla="*/ 8647340 w 10511434"/>
              <a:gd name="connsiteY8" fmla="*/ 5223255 h 5223255"/>
              <a:gd name="connsiteX9" fmla="*/ 8423260 w 10511434"/>
              <a:gd name="connsiteY9" fmla="*/ 4999214 h 5223255"/>
              <a:gd name="connsiteX10" fmla="*/ 8423260 w 10511434"/>
              <a:gd name="connsiteY10" fmla="*/ 4292262 h 5223255"/>
              <a:gd name="connsiteX11" fmla="*/ 8007038 w 10511434"/>
              <a:gd name="connsiteY11" fmla="*/ 4176974 h 5223255"/>
              <a:gd name="connsiteX12" fmla="*/ 7444469 w 10511434"/>
              <a:gd name="connsiteY12" fmla="*/ 5114449 h 5223255"/>
              <a:gd name="connsiteX13" fmla="*/ 7252326 w 10511434"/>
              <a:gd name="connsiteY13" fmla="*/ 5223202 h 5223255"/>
              <a:gd name="connsiteX14" fmla="*/ 224079 w 10511434"/>
              <a:gd name="connsiteY14" fmla="*/ 5223202 h 5223255"/>
              <a:gd name="connsiteX15" fmla="*/ 0 w 10511434"/>
              <a:gd name="connsiteY15" fmla="*/ 4999161 h 5223255"/>
              <a:gd name="connsiteX16" fmla="*/ 1 w 10511434"/>
              <a:gd name="connsiteY16" fmla="*/ 3745583 h 5223255"/>
              <a:gd name="connsiteX17" fmla="*/ 38115 w 10511434"/>
              <a:gd name="connsiteY17" fmla="*/ 3605582 h 5223255"/>
              <a:gd name="connsiteX18" fmla="*/ 1046754 w 10511434"/>
              <a:gd name="connsiteY18" fmla="*/ 1644645 h 5223255"/>
              <a:gd name="connsiteX19" fmla="*/ 1214184 w 10511434"/>
              <a:gd name="connsiteY19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51105 w 10511434"/>
              <a:gd name="connsiteY3" fmla="*/ 134574 h 5223255"/>
              <a:gd name="connsiteX4" fmla="*/ 6542880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51105 w 10511434"/>
              <a:gd name="connsiteY3" fmla="*/ 134574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474021 w 10511434"/>
              <a:gd name="connsiteY1" fmla="*/ 1501348 h 5223255"/>
              <a:gd name="connsiteX2" fmla="*/ 5665035 w 10511434"/>
              <a:gd name="connsiteY2" fmla="*/ 1393097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524027 w 10511434"/>
              <a:gd name="connsiteY1" fmla="*/ 1501348 h 5223255"/>
              <a:gd name="connsiteX2" fmla="*/ 5665035 w 10511434"/>
              <a:gd name="connsiteY2" fmla="*/ 1393097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4184 w 10511434"/>
              <a:gd name="connsiteY0" fmla="*/ 1480285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4184 w 10511434"/>
              <a:gd name="connsiteY20" fmla="*/ 1480285 h 5223255"/>
              <a:gd name="connsiteX0" fmla="*/ 1211803 w 10511434"/>
              <a:gd name="connsiteY0" fmla="*/ 1494573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11803 w 10511434"/>
              <a:gd name="connsiteY20" fmla="*/ 1494573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46754 w 10511434"/>
              <a:gd name="connsiteY19" fmla="*/ 1644645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209421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209421 w 10511434"/>
              <a:gd name="connsiteY20" fmla="*/ 1501716 h 5223255"/>
              <a:gd name="connsiteX0" fmla="*/ 1384573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077711 w 10511434"/>
              <a:gd name="connsiteY19" fmla="*/ 1597020 h 5223255"/>
              <a:gd name="connsiteX20" fmla="*/ 1384573 w 10511434"/>
              <a:gd name="connsiteY20" fmla="*/ 1501716 h 5223255"/>
              <a:gd name="connsiteX0" fmla="*/ 1384573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384573 w 10511434"/>
              <a:gd name="connsiteY20" fmla="*/ 1501716 h 5223255"/>
              <a:gd name="connsiteX0" fmla="*/ 1384573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384573 w 10511434"/>
              <a:gd name="connsiteY20" fmla="*/ 1501716 h 5223255"/>
              <a:gd name="connsiteX0" fmla="*/ 1384573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384573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89205 w 10511434"/>
              <a:gd name="connsiteY3" fmla="*/ 67899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63012 w 10511434"/>
              <a:gd name="connsiteY3" fmla="*/ 65518 h 5223255"/>
              <a:gd name="connsiteX4" fmla="*/ 660717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63012 w 10511434"/>
              <a:gd name="connsiteY3" fmla="*/ 65518 h 5223255"/>
              <a:gd name="connsiteX4" fmla="*/ 6561930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63012 w 10511434"/>
              <a:gd name="connsiteY3" fmla="*/ 65518 h 5223255"/>
              <a:gd name="connsiteX4" fmla="*/ 6561930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63012 w 10511434"/>
              <a:gd name="connsiteY3" fmla="*/ 65518 h 5223255"/>
              <a:gd name="connsiteX4" fmla="*/ 658812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46343 w 10511434"/>
              <a:gd name="connsiteY3" fmla="*/ 91712 h 5223255"/>
              <a:gd name="connsiteX4" fmla="*/ 658812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34437 w 10511434"/>
              <a:gd name="connsiteY3" fmla="*/ 101237 h 5223255"/>
              <a:gd name="connsiteX4" fmla="*/ 6588124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16 h 5223255"/>
              <a:gd name="connsiteX1" fmla="*/ 5524027 w 10511434"/>
              <a:gd name="connsiteY1" fmla="*/ 1501348 h 5223255"/>
              <a:gd name="connsiteX2" fmla="*/ 5645985 w 10511434"/>
              <a:gd name="connsiteY2" fmla="*/ 1419291 h 5223255"/>
              <a:gd name="connsiteX3" fmla="*/ 6434437 w 10511434"/>
              <a:gd name="connsiteY3" fmla="*/ 101237 h 5223255"/>
              <a:gd name="connsiteX4" fmla="*/ 6604793 w 10511434"/>
              <a:gd name="connsiteY4" fmla="*/ 0 h 5223255"/>
              <a:gd name="connsiteX5" fmla="*/ 10287355 w 10511434"/>
              <a:gd name="connsiteY5" fmla="*/ 3653 h 5223255"/>
              <a:gd name="connsiteX6" fmla="*/ 10511434 w 10511434"/>
              <a:gd name="connsiteY6" fmla="*/ 227694 h 5223255"/>
              <a:gd name="connsiteX7" fmla="*/ 10511434 w 10511434"/>
              <a:gd name="connsiteY7" fmla="*/ 4999214 h 5223255"/>
              <a:gd name="connsiteX8" fmla="*/ 10287355 w 10511434"/>
              <a:gd name="connsiteY8" fmla="*/ 5223255 h 5223255"/>
              <a:gd name="connsiteX9" fmla="*/ 8647340 w 10511434"/>
              <a:gd name="connsiteY9" fmla="*/ 5223255 h 5223255"/>
              <a:gd name="connsiteX10" fmla="*/ 8423260 w 10511434"/>
              <a:gd name="connsiteY10" fmla="*/ 4999214 h 5223255"/>
              <a:gd name="connsiteX11" fmla="*/ 8423260 w 10511434"/>
              <a:gd name="connsiteY11" fmla="*/ 4292262 h 5223255"/>
              <a:gd name="connsiteX12" fmla="*/ 8007038 w 10511434"/>
              <a:gd name="connsiteY12" fmla="*/ 4176974 h 5223255"/>
              <a:gd name="connsiteX13" fmla="*/ 7444469 w 10511434"/>
              <a:gd name="connsiteY13" fmla="*/ 5114449 h 5223255"/>
              <a:gd name="connsiteX14" fmla="*/ 7252326 w 10511434"/>
              <a:gd name="connsiteY14" fmla="*/ 5223202 h 5223255"/>
              <a:gd name="connsiteX15" fmla="*/ 224079 w 10511434"/>
              <a:gd name="connsiteY15" fmla="*/ 5223202 h 5223255"/>
              <a:gd name="connsiteX16" fmla="*/ 0 w 10511434"/>
              <a:gd name="connsiteY16" fmla="*/ 4999161 h 5223255"/>
              <a:gd name="connsiteX17" fmla="*/ 1 w 10511434"/>
              <a:gd name="connsiteY17" fmla="*/ 3745583 h 5223255"/>
              <a:gd name="connsiteX18" fmla="*/ 38115 w 10511434"/>
              <a:gd name="connsiteY18" fmla="*/ 3605582 h 5223255"/>
              <a:gd name="connsiteX19" fmla="*/ 1252864 w 10511434"/>
              <a:gd name="connsiteY19" fmla="*/ 1594444 h 5223255"/>
              <a:gd name="connsiteX20" fmla="*/ 1402604 w 10511434"/>
              <a:gd name="connsiteY20" fmla="*/ 1501716 h 5223255"/>
              <a:gd name="connsiteX0" fmla="*/ 1402604 w 10511434"/>
              <a:gd name="connsiteY0" fmla="*/ 1501736 h 5223275"/>
              <a:gd name="connsiteX1" fmla="*/ 5524027 w 10511434"/>
              <a:gd name="connsiteY1" fmla="*/ 1501368 h 5223275"/>
              <a:gd name="connsiteX2" fmla="*/ 5645985 w 10511434"/>
              <a:gd name="connsiteY2" fmla="*/ 1419311 h 5223275"/>
              <a:gd name="connsiteX3" fmla="*/ 6434437 w 10511434"/>
              <a:gd name="connsiteY3" fmla="*/ 101257 h 5223275"/>
              <a:gd name="connsiteX4" fmla="*/ 6604793 w 10511434"/>
              <a:gd name="connsiteY4" fmla="*/ 20 h 5223275"/>
              <a:gd name="connsiteX5" fmla="*/ 10287355 w 10511434"/>
              <a:gd name="connsiteY5" fmla="*/ 3673 h 5223275"/>
              <a:gd name="connsiteX6" fmla="*/ 10511434 w 10511434"/>
              <a:gd name="connsiteY6" fmla="*/ 227714 h 5223275"/>
              <a:gd name="connsiteX7" fmla="*/ 10511434 w 10511434"/>
              <a:gd name="connsiteY7" fmla="*/ 4999234 h 5223275"/>
              <a:gd name="connsiteX8" fmla="*/ 10287355 w 10511434"/>
              <a:gd name="connsiteY8" fmla="*/ 5223275 h 5223275"/>
              <a:gd name="connsiteX9" fmla="*/ 8647340 w 10511434"/>
              <a:gd name="connsiteY9" fmla="*/ 5223275 h 5223275"/>
              <a:gd name="connsiteX10" fmla="*/ 8423260 w 10511434"/>
              <a:gd name="connsiteY10" fmla="*/ 4999234 h 5223275"/>
              <a:gd name="connsiteX11" fmla="*/ 8423260 w 10511434"/>
              <a:gd name="connsiteY11" fmla="*/ 4292282 h 5223275"/>
              <a:gd name="connsiteX12" fmla="*/ 8007038 w 10511434"/>
              <a:gd name="connsiteY12" fmla="*/ 4176994 h 5223275"/>
              <a:gd name="connsiteX13" fmla="*/ 7444469 w 10511434"/>
              <a:gd name="connsiteY13" fmla="*/ 5114469 h 5223275"/>
              <a:gd name="connsiteX14" fmla="*/ 7252326 w 10511434"/>
              <a:gd name="connsiteY14" fmla="*/ 5223222 h 5223275"/>
              <a:gd name="connsiteX15" fmla="*/ 224079 w 10511434"/>
              <a:gd name="connsiteY15" fmla="*/ 5223222 h 5223275"/>
              <a:gd name="connsiteX16" fmla="*/ 0 w 10511434"/>
              <a:gd name="connsiteY16" fmla="*/ 4999181 h 5223275"/>
              <a:gd name="connsiteX17" fmla="*/ 1 w 10511434"/>
              <a:gd name="connsiteY17" fmla="*/ 3745603 h 5223275"/>
              <a:gd name="connsiteX18" fmla="*/ 38115 w 10511434"/>
              <a:gd name="connsiteY18" fmla="*/ 3605602 h 5223275"/>
              <a:gd name="connsiteX19" fmla="*/ 1252864 w 10511434"/>
              <a:gd name="connsiteY19" fmla="*/ 1594464 h 5223275"/>
              <a:gd name="connsiteX20" fmla="*/ 1402604 w 10511434"/>
              <a:gd name="connsiteY20" fmla="*/ 1501736 h 5223275"/>
              <a:gd name="connsiteX0" fmla="*/ 1402604 w 10511434"/>
              <a:gd name="connsiteY0" fmla="*/ 1501747 h 5223286"/>
              <a:gd name="connsiteX1" fmla="*/ 5524027 w 10511434"/>
              <a:gd name="connsiteY1" fmla="*/ 1501379 h 5223286"/>
              <a:gd name="connsiteX2" fmla="*/ 5645985 w 10511434"/>
              <a:gd name="connsiteY2" fmla="*/ 1419322 h 5223286"/>
              <a:gd name="connsiteX3" fmla="*/ 6434437 w 10511434"/>
              <a:gd name="connsiteY3" fmla="*/ 101268 h 5223286"/>
              <a:gd name="connsiteX4" fmla="*/ 6604793 w 10511434"/>
              <a:gd name="connsiteY4" fmla="*/ 31 h 5223286"/>
              <a:gd name="connsiteX5" fmla="*/ 10287355 w 10511434"/>
              <a:gd name="connsiteY5" fmla="*/ 3684 h 5223286"/>
              <a:gd name="connsiteX6" fmla="*/ 10511434 w 10511434"/>
              <a:gd name="connsiteY6" fmla="*/ 227725 h 5223286"/>
              <a:gd name="connsiteX7" fmla="*/ 10511434 w 10511434"/>
              <a:gd name="connsiteY7" fmla="*/ 4999245 h 5223286"/>
              <a:gd name="connsiteX8" fmla="*/ 10287355 w 10511434"/>
              <a:gd name="connsiteY8" fmla="*/ 5223286 h 5223286"/>
              <a:gd name="connsiteX9" fmla="*/ 8647340 w 10511434"/>
              <a:gd name="connsiteY9" fmla="*/ 5223286 h 5223286"/>
              <a:gd name="connsiteX10" fmla="*/ 8423260 w 10511434"/>
              <a:gd name="connsiteY10" fmla="*/ 4999245 h 5223286"/>
              <a:gd name="connsiteX11" fmla="*/ 8423260 w 10511434"/>
              <a:gd name="connsiteY11" fmla="*/ 4292293 h 5223286"/>
              <a:gd name="connsiteX12" fmla="*/ 8007038 w 10511434"/>
              <a:gd name="connsiteY12" fmla="*/ 4177005 h 5223286"/>
              <a:gd name="connsiteX13" fmla="*/ 7444469 w 10511434"/>
              <a:gd name="connsiteY13" fmla="*/ 5114480 h 5223286"/>
              <a:gd name="connsiteX14" fmla="*/ 7252326 w 10511434"/>
              <a:gd name="connsiteY14" fmla="*/ 5223233 h 5223286"/>
              <a:gd name="connsiteX15" fmla="*/ 224079 w 10511434"/>
              <a:gd name="connsiteY15" fmla="*/ 5223233 h 5223286"/>
              <a:gd name="connsiteX16" fmla="*/ 0 w 10511434"/>
              <a:gd name="connsiteY16" fmla="*/ 4999192 h 5223286"/>
              <a:gd name="connsiteX17" fmla="*/ 1 w 10511434"/>
              <a:gd name="connsiteY17" fmla="*/ 3745614 h 5223286"/>
              <a:gd name="connsiteX18" fmla="*/ 38115 w 10511434"/>
              <a:gd name="connsiteY18" fmla="*/ 3605613 h 5223286"/>
              <a:gd name="connsiteX19" fmla="*/ 1252864 w 10511434"/>
              <a:gd name="connsiteY19" fmla="*/ 1594475 h 5223286"/>
              <a:gd name="connsiteX20" fmla="*/ 1402604 w 10511434"/>
              <a:gd name="connsiteY20" fmla="*/ 1501747 h 5223286"/>
              <a:gd name="connsiteX0" fmla="*/ 1402604 w 10511434"/>
              <a:gd name="connsiteY0" fmla="*/ 1501747 h 5223286"/>
              <a:gd name="connsiteX1" fmla="*/ 5524027 w 10511434"/>
              <a:gd name="connsiteY1" fmla="*/ 1501379 h 5223286"/>
              <a:gd name="connsiteX2" fmla="*/ 5645985 w 10511434"/>
              <a:gd name="connsiteY2" fmla="*/ 1419322 h 5223286"/>
              <a:gd name="connsiteX3" fmla="*/ 6434437 w 10511434"/>
              <a:gd name="connsiteY3" fmla="*/ 101268 h 5223286"/>
              <a:gd name="connsiteX4" fmla="*/ 6604793 w 10511434"/>
              <a:gd name="connsiteY4" fmla="*/ 31 h 5223286"/>
              <a:gd name="connsiteX5" fmla="*/ 10287355 w 10511434"/>
              <a:gd name="connsiteY5" fmla="*/ 3684 h 5223286"/>
              <a:gd name="connsiteX6" fmla="*/ 10511434 w 10511434"/>
              <a:gd name="connsiteY6" fmla="*/ 227725 h 5223286"/>
              <a:gd name="connsiteX7" fmla="*/ 10511434 w 10511434"/>
              <a:gd name="connsiteY7" fmla="*/ 4999245 h 5223286"/>
              <a:gd name="connsiteX8" fmla="*/ 10287355 w 10511434"/>
              <a:gd name="connsiteY8" fmla="*/ 5223286 h 5223286"/>
              <a:gd name="connsiteX9" fmla="*/ 8647340 w 10511434"/>
              <a:gd name="connsiteY9" fmla="*/ 5223286 h 5223286"/>
              <a:gd name="connsiteX10" fmla="*/ 8423260 w 10511434"/>
              <a:gd name="connsiteY10" fmla="*/ 4999245 h 5223286"/>
              <a:gd name="connsiteX11" fmla="*/ 8423260 w 10511434"/>
              <a:gd name="connsiteY11" fmla="*/ 4292293 h 5223286"/>
              <a:gd name="connsiteX12" fmla="*/ 8007038 w 10511434"/>
              <a:gd name="connsiteY12" fmla="*/ 4177005 h 5223286"/>
              <a:gd name="connsiteX13" fmla="*/ 7444469 w 10511434"/>
              <a:gd name="connsiteY13" fmla="*/ 5114480 h 5223286"/>
              <a:gd name="connsiteX14" fmla="*/ 7252326 w 10511434"/>
              <a:gd name="connsiteY14" fmla="*/ 5223233 h 5223286"/>
              <a:gd name="connsiteX15" fmla="*/ 224079 w 10511434"/>
              <a:gd name="connsiteY15" fmla="*/ 5223233 h 5223286"/>
              <a:gd name="connsiteX16" fmla="*/ 0 w 10511434"/>
              <a:gd name="connsiteY16" fmla="*/ 4999192 h 5223286"/>
              <a:gd name="connsiteX17" fmla="*/ 1 w 10511434"/>
              <a:gd name="connsiteY17" fmla="*/ 3745614 h 5223286"/>
              <a:gd name="connsiteX18" fmla="*/ 38115 w 10511434"/>
              <a:gd name="connsiteY18" fmla="*/ 3605613 h 5223286"/>
              <a:gd name="connsiteX19" fmla="*/ 1252864 w 10511434"/>
              <a:gd name="connsiteY19" fmla="*/ 1594475 h 5223286"/>
              <a:gd name="connsiteX20" fmla="*/ 1402604 w 10511434"/>
              <a:gd name="connsiteY20" fmla="*/ 1501747 h 5223286"/>
              <a:gd name="connsiteX0" fmla="*/ 1419201 w 10528031"/>
              <a:gd name="connsiteY0" fmla="*/ 1501747 h 5223534"/>
              <a:gd name="connsiteX1" fmla="*/ 5540624 w 10528031"/>
              <a:gd name="connsiteY1" fmla="*/ 1501379 h 5223534"/>
              <a:gd name="connsiteX2" fmla="*/ 5662582 w 10528031"/>
              <a:gd name="connsiteY2" fmla="*/ 1419322 h 5223534"/>
              <a:gd name="connsiteX3" fmla="*/ 6451034 w 10528031"/>
              <a:gd name="connsiteY3" fmla="*/ 101268 h 5223534"/>
              <a:gd name="connsiteX4" fmla="*/ 6621390 w 10528031"/>
              <a:gd name="connsiteY4" fmla="*/ 31 h 5223534"/>
              <a:gd name="connsiteX5" fmla="*/ 10303952 w 10528031"/>
              <a:gd name="connsiteY5" fmla="*/ 3684 h 5223534"/>
              <a:gd name="connsiteX6" fmla="*/ 10528031 w 10528031"/>
              <a:gd name="connsiteY6" fmla="*/ 227725 h 5223534"/>
              <a:gd name="connsiteX7" fmla="*/ 10528031 w 10528031"/>
              <a:gd name="connsiteY7" fmla="*/ 4999245 h 5223534"/>
              <a:gd name="connsiteX8" fmla="*/ 10303952 w 10528031"/>
              <a:gd name="connsiteY8" fmla="*/ 5223286 h 5223534"/>
              <a:gd name="connsiteX9" fmla="*/ 8663937 w 10528031"/>
              <a:gd name="connsiteY9" fmla="*/ 5223286 h 5223534"/>
              <a:gd name="connsiteX10" fmla="*/ 8439857 w 10528031"/>
              <a:gd name="connsiteY10" fmla="*/ 4999245 h 5223534"/>
              <a:gd name="connsiteX11" fmla="*/ 8439857 w 10528031"/>
              <a:gd name="connsiteY11" fmla="*/ 4292293 h 5223534"/>
              <a:gd name="connsiteX12" fmla="*/ 8023635 w 10528031"/>
              <a:gd name="connsiteY12" fmla="*/ 4177005 h 5223534"/>
              <a:gd name="connsiteX13" fmla="*/ 7461066 w 10528031"/>
              <a:gd name="connsiteY13" fmla="*/ 5114480 h 5223534"/>
              <a:gd name="connsiteX14" fmla="*/ 7268923 w 10528031"/>
              <a:gd name="connsiteY14" fmla="*/ 5223233 h 5223534"/>
              <a:gd name="connsiteX15" fmla="*/ 240676 w 10528031"/>
              <a:gd name="connsiteY15" fmla="*/ 5223233 h 5223534"/>
              <a:gd name="connsiteX16" fmla="*/ 16597 w 10528031"/>
              <a:gd name="connsiteY16" fmla="*/ 4999192 h 5223534"/>
              <a:gd name="connsiteX17" fmla="*/ 16598 w 10528031"/>
              <a:gd name="connsiteY17" fmla="*/ 3771014 h 5223534"/>
              <a:gd name="connsiteX18" fmla="*/ 54712 w 10528031"/>
              <a:gd name="connsiteY18" fmla="*/ 3605613 h 5223534"/>
              <a:gd name="connsiteX19" fmla="*/ 1269461 w 10528031"/>
              <a:gd name="connsiteY19" fmla="*/ 1594475 h 5223534"/>
              <a:gd name="connsiteX20" fmla="*/ 1419201 w 10528031"/>
              <a:gd name="connsiteY20" fmla="*/ 1501747 h 5223534"/>
              <a:gd name="connsiteX0" fmla="*/ 1419201 w 10528031"/>
              <a:gd name="connsiteY0" fmla="*/ 1501747 h 5223534"/>
              <a:gd name="connsiteX1" fmla="*/ 5540624 w 10528031"/>
              <a:gd name="connsiteY1" fmla="*/ 1501379 h 5223534"/>
              <a:gd name="connsiteX2" fmla="*/ 5662582 w 10528031"/>
              <a:gd name="connsiteY2" fmla="*/ 1419322 h 5223534"/>
              <a:gd name="connsiteX3" fmla="*/ 6451034 w 10528031"/>
              <a:gd name="connsiteY3" fmla="*/ 101268 h 5223534"/>
              <a:gd name="connsiteX4" fmla="*/ 6621390 w 10528031"/>
              <a:gd name="connsiteY4" fmla="*/ 31 h 5223534"/>
              <a:gd name="connsiteX5" fmla="*/ 10303952 w 10528031"/>
              <a:gd name="connsiteY5" fmla="*/ 3684 h 5223534"/>
              <a:gd name="connsiteX6" fmla="*/ 10528031 w 10528031"/>
              <a:gd name="connsiteY6" fmla="*/ 227725 h 5223534"/>
              <a:gd name="connsiteX7" fmla="*/ 10528031 w 10528031"/>
              <a:gd name="connsiteY7" fmla="*/ 4999245 h 5223534"/>
              <a:gd name="connsiteX8" fmla="*/ 10303952 w 10528031"/>
              <a:gd name="connsiteY8" fmla="*/ 5223286 h 5223534"/>
              <a:gd name="connsiteX9" fmla="*/ 8663937 w 10528031"/>
              <a:gd name="connsiteY9" fmla="*/ 5223286 h 5223534"/>
              <a:gd name="connsiteX10" fmla="*/ 8439857 w 10528031"/>
              <a:gd name="connsiteY10" fmla="*/ 4999245 h 5223534"/>
              <a:gd name="connsiteX11" fmla="*/ 8439857 w 10528031"/>
              <a:gd name="connsiteY11" fmla="*/ 4292293 h 5223534"/>
              <a:gd name="connsiteX12" fmla="*/ 8023635 w 10528031"/>
              <a:gd name="connsiteY12" fmla="*/ 4177005 h 5223534"/>
              <a:gd name="connsiteX13" fmla="*/ 7461066 w 10528031"/>
              <a:gd name="connsiteY13" fmla="*/ 5114480 h 5223534"/>
              <a:gd name="connsiteX14" fmla="*/ 7268923 w 10528031"/>
              <a:gd name="connsiteY14" fmla="*/ 5223233 h 5223534"/>
              <a:gd name="connsiteX15" fmla="*/ 240676 w 10528031"/>
              <a:gd name="connsiteY15" fmla="*/ 5223233 h 5223534"/>
              <a:gd name="connsiteX16" fmla="*/ 16597 w 10528031"/>
              <a:gd name="connsiteY16" fmla="*/ 4999192 h 5223534"/>
              <a:gd name="connsiteX17" fmla="*/ 16598 w 10528031"/>
              <a:gd name="connsiteY17" fmla="*/ 3771014 h 5223534"/>
              <a:gd name="connsiteX18" fmla="*/ 54712 w 10528031"/>
              <a:gd name="connsiteY18" fmla="*/ 3605613 h 5223534"/>
              <a:gd name="connsiteX19" fmla="*/ 1269461 w 10528031"/>
              <a:gd name="connsiteY19" fmla="*/ 1594475 h 5223534"/>
              <a:gd name="connsiteX20" fmla="*/ 1419201 w 10528031"/>
              <a:gd name="connsiteY20" fmla="*/ 1501747 h 5223534"/>
              <a:gd name="connsiteX0" fmla="*/ 1404151 w 10512981"/>
              <a:gd name="connsiteY0" fmla="*/ 1501747 h 5223674"/>
              <a:gd name="connsiteX1" fmla="*/ 5525574 w 10512981"/>
              <a:gd name="connsiteY1" fmla="*/ 1501379 h 5223674"/>
              <a:gd name="connsiteX2" fmla="*/ 5647532 w 10512981"/>
              <a:gd name="connsiteY2" fmla="*/ 1419322 h 5223674"/>
              <a:gd name="connsiteX3" fmla="*/ 6435984 w 10512981"/>
              <a:gd name="connsiteY3" fmla="*/ 101268 h 5223674"/>
              <a:gd name="connsiteX4" fmla="*/ 6606340 w 10512981"/>
              <a:gd name="connsiteY4" fmla="*/ 31 h 5223674"/>
              <a:gd name="connsiteX5" fmla="*/ 10288902 w 10512981"/>
              <a:gd name="connsiteY5" fmla="*/ 3684 h 5223674"/>
              <a:gd name="connsiteX6" fmla="*/ 10512981 w 10512981"/>
              <a:gd name="connsiteY6" fmla="*/ 227725 h 5223674"/>
              <a:gd name="connsiteX7" fmla="*/ 10512981 w 10512981"/>
              <a:gd name="connsiteY7" fmla="*/ 4999245 h 5223674"/>
              <a:gd name="connsiteX8" fmla="*/ 10288902 w 10512981"/>
              <a:gd name="connsiteY8" fmla="*/ 5223286 h 5223674"/>
              <a:gd name="connsiteX9" fmla="*/ 8648887 w 10512981"/>
              <a:gd name="connsiteY9" fmla="*/ 5223286 h 5223674"/>
              <a:gd name="connsiteX10" fmla="*/ 8424807 w 10512981"/>
              <a:gd name="connsiteY10" fmla="*/ 4999245 h 5223674"/>
              <a:gd name="connsiteX11" fmla="*/ 8424807 w 10512981"/>
              <a:gd name="connsiteY11" fmla="*/ 4292293 h 5223674"/>
              <a:gd name="connsiteX12" fmla="*/ 8008585 w 10512981"/>
              <a:gd name="connsiteY12" fmla="*/ 4177005 h 5223674"/>
              <a:gd name="connsiteX13" fmla="*/ 7446016 w 10512981"/>
              <a:gd name="connsiteY13" fmla="*/ 5114480 h 5223674"/>
              <a:gd name="connsiteX14" fmla="*/ 7253873 w 10512981"/>
              <a:gd name="connsiteY14" fmla="*/ 5223233 h 5223674"/>
              <a:gd name="connsiteX15" fmla="*/ 225626 w 10512981"/>
              <a:gd name="connsiteY15" fmla="*/ 5223233 h 5223674"/>
              <a:gd name="connsiteX16" fmla="*/ 1547 w 10512981"/>
              <a:gd name="connsiteY16" fmla="*/ 4999192 h 5223674"/>
              <a:gd name="connsiteX17" fmla="*/ 1548 w 10512981"/>
              <a:gd name="connsiteY17" fmla="*/ 3771014 h 5223674"/>
              <a:gd name="connsiteX18" fmla="*/ 39662 w 10512981"/>
              <a:gd name="connsiteY18" fmla="*/ 3605613 h 5223674"/>
              <a:gd name="connsiteX19" fmla="*/ 1254411 w 10512981"/>
              <a:gd name="connsiteY19" fmla="*/ 1594475 h 5223674"/>
              <a:gd name="connsiteX20" fmla="*/ 1404151 w 10512981"/>
              <a:gd name="connsiteY20" fmla="*/ 1501747 h 5223674"/>
              <a:gd name="connsiteX0" fmla="*/ 1403076 w 10511906"/>
              <a:gd name="connsiteY0" fmla="*/ 1501747 h 5223674"/>
              <a:gd name="connsiteX1" fmla="*/ 5524499 w 10511906"/>
              <a:gd name="connsiteY1" fmla="*/ 1501379 h 5223674"/>
              <a:gd name="connsiteX2" fmla="*/ 5646457 w 10511906"/>
              <a:gd name="connsiteY2" fmla="*/ 1419322 h 5223674"/>
              <a:gd name="connsiteX3" fmla="*/ 6434909 w 10511906"/>
              <a:gd name="connsiteY3" fmla="*/ 101268 h 5223674"/>
              <a:gd name="connsiteX4" fmla="*/ 6605265 w 10511906"/>
              <a:gd name="connsiteY4" fmla="*/ 31 h 5223674"/>
              <a:gd name="connsiteX5" fmla="*/ 10287827 w 10511906"/>
              <a:gd name="connsiteY5" fmla="*/ 3684 h 5223674"/>
              <a:gd name="connsiteX6" fmla="*/ 10511906 w 10511906"/>
              <a:gd name="connsiteY6" fmla="*/ 227725 h 5223674"/>
              <a:gd name="connsiteX7" fmla="*/ 10511906 w 10511906"/>
              <a:gd name="connsiteY7" fmla="*/ 4999245 h 5223674"/>
              <a:gd name="connsiteX8" fmla="*/ 10287827 w 10511906"/>
              <a:gd name="connsiteY8" fmla="*/ 5223286 h 5223674"/>
              <a:gd name="connsiteX9" fmla="*/ 8647812 w 10511906"/>
              <a:gd name="connsiteY9" fmla="*/ 5223286 h 5223674"/>
              <a:gd name="connsiteX10" fmla="*/ 8423732 w 10511906"/>
              <a:gd name="connsiteY10" fmla="*/ 4999245 h 5223674"/>
              <a:gd name="connsiteX11" fmla="*/ 8423732 w 10511906"/>
              <a:gd name="connsiteY11" fmla="*/ 4292293 h 5223674"/>
              <a:gd name="connsiteX12" fmla="*/ 8007510 w 10511906"/>
              <a:gd name="connsiteY12" fmla="*/ 4177005 h 5223674"/>
              <a:gd name="connsiteX13" fmla="*/ 7444941 w 10511906"/>
              <a:gd name="connsiteY13" fmla="*/ 5114480 h 5223674"/>
              <a:gd name="connsiteX14" fmla="*/ 7252798 w 10511906"/>
              <a:gd name="connsiteY14" fmla="*/ 5223233 h 5223674"/>
              <a:gd name="connsiteX15" fmla="*/ 224551 w 10511906"/>
              <a:gd name="connsiteY15" fmla="*/ 5223233 h 5223674"/>
              <a:gd name="connsiteX16" fmla="*/ 472 w 10511906"/>
              <a:gd name="connsiteY16" fmla="*/ 4999192 h 5223674"/>
              <a:gd name="connsiteX17" fmla="*/ 473 w 10511906"/>
              <a:gd name="connsiteY17" fmla="*/ 3771014 h 5223674"/>
              <a:gd name="connsiteX18" fmla="*/ 38587 w 10511906"/>
              <a:gd name="connsiteY18" fmla="*/ 3605613 h 5223674"/>
              <a:gd name="connsiteX19" fmla="*/ 1253336 w 10511906"/>
              <a:gd name="connsiteY19" fmla="*/ 1594475 h 5223674"/>
              <a:gd name="connsiteX20" fmla="*/ 1403076 w 10511906"/>
              <a:gd name="connsiteY20" fmla="*/ 1501747 h 5223674"/>
              <a:gd name="connsiteX0" fmla="*/ 1403409 w 10512239"/>
              <a:gd name="connsiteY0" fmla="*/ 1501747 h 5223286"/>
              <a:gd name="connsiteX1" fmla="*/ 5524832 w 10512239"/>
              <a:gd name="connsiteY1" fmla="*/ 1501379 h 5223286"/>
              <a:gd name="connsiteX2" fmla="*/ 5646790 w 10512239"/>
              <a:gd name="connsiteY2" fmla="*/ 1419322 h 5223286"/>
              <a:gd name="connsiteX3" fmla="*/ 6435242 w 10512239"/>
              <a:gd name="connsiteY3" fmla="*/ 101268 h 5223286"/>
              <a:gd name="connsiteX4" fmla="*/ 6605598 w 10512239"/>
              <a:gd name="connsiteY4" fmla="*/ 31 h 5223286"/>
              <a:gd name="connsiteX5" fmla="*/ 10288160 w 10512239"/>
              <a:gd name="connsiteY5" fmla="*/ 3684 h 5223286"/>
              <a:gd name="connsiteX6" fmla="*/ 10512239 w 10512239"/>
              <a:gd name="connsiteY6" fmla="*/ 227725 h 5223286"/>
              <a:gd name="connsiteX7" fmla="*/ 10512239 w 10512239"/>
              <a:gd name="connsiteY7" fmla="*/ 4999245 h 5223286"/>
              <a:gd name="connsiteX8" fmla="*/ 10288160 w 10512239"/>
              <a:gd name="connsiteY8" fmla="*/ 5223286 h 5223286"/>
              <a:gd name="connsiteX9" fmla="*/ 8648145 w 10512239"/>
              <a:gd name="connsiteY9" fmla="*/ 5223286 h 5223286"/>
              <a:gd name="connsiteX10" fmla="*/ 8424065 w 10512239"/>
              <a:gd name="connsiteY10" fmla="*/ 4999245 h 5223286"/>
              <a:gd name="connsiteX11" fmla="*/ 8424065 w 10512239"/>
              <a:gd name="connsiteY11" fmla="*/ 4292293 h 5223286"/>
              <a:gd name="connsiteX12" fmla="*/ 8007843 w 10512239"/>
              <a:gd name="connsiteY12" fmla="*/ 4177005 h 5223286"/>
              <a:gd name="connsiteX13" fmla="*/ 7445274 w 10512239"/>
              <a:gd name="connsiteY13" fmla="*/ 5114480 h 5223286"/>
              <a:gd name="connsiteX14" fmla="*/ 7253131 w 10512239"/>
              <a:gd name="connsiteY14" fmla="*/ 5223233 h 5223286"/>
              <a:gd name="connsiteX15" fmla="*/ 224884 w 10512239"/>
              <a:gd name="connsiteY15" fmla="*/ 5223233 h 5223286"/>
              <a:gd name="connsiteX16" fmla="*/ 805 w 10512239"/>
              <a:gd name="connsiteY16" fmla="*/ 4999192 h 5223286"/>
              <a:gd name="connsiteX17" fmla="*/ 806 w 10512239"/>
              <a:gd name="connsiteY17" fmla="*/ 3771014 h 5223286"/>
              <a:gd name="connsiteX18" fmla="*/ 38920 w 10512239"/>
              <a:gd name="connsiteY18" fmla="*/ 3605613 h 5223286"/>
              <a:gd name="connsiteX19" fmla="*/ 1253669 w 10512239"/>
              <a:gd name="connsiteY19" fmla="*/ 1594475 h 5223286"/>
              <a:gd name="connsiteX20" fmla="*/ 1403409 w 10512239"/>
              <a:gd name="connsiteY20" fmla="*/ 1501747 h 5223286"/>
              <a:gd name="connsiteX0" fmla="*/ 1403614 w 10512444"/>
              <a:gd name="connsiteY0" fmla="*/ 1501747 h 5223286"/>
              <a:gd name="connsiteX1" fmla="*/ 5525037 w 10512444"/>
              <a:gd name="connsiteY1" fmla="*/ 1501379 h 5223286"/>
              <a:gd name="connsiteX2" fmla="*/ 5646995 w 10512444"/>
              <a:gd name="connsiteY2" fmla="*/ 1419322 h 5223286"/>
              <a:gd name="connsiteX3" fmla="*/ 6435447 w 10512444"/>
              <a:gd name="connsiteY3" fmla="*/ 101268 h 5223286"/>
              <a:gd name="connsiteX4" fmla="*/ 6605803 w 10512444"/>
              <a:gd name="connsiteY4" fmla="*/ 31 h 5223286"/>
              <a:gd name="connsiteX5" fmla="*/ 10288365 w 10512444"/>
              <a:gd name="connsiteY5" fmla="*/ 3684 h 5223286"/>
              <a:gd name="connsiteX6" fmla="*/ 10512444 w 10512444"/>
              <a:gd name="connsiteY6" fmla="*/ 227725 h 5223286"/>
              <a:gd name="connsiteX7" fmla="*/ 10512444 w 10512444"/>
              <a:gd name="connsiteY7" fmla="*/ 4999245 h 5223286"/>
              <a:gd name="connsiteX8" fmla="*/ 10288365 w 10512444"/>
              <a:gd name="connsiteY8" fmla="*/ 5223286 h 5223286"/>
              <a:gd name="connsiteX9" fmla="*/ 8648350 w 10512444"/>
              <a:gd name="connsiteY9" fmla="*/ 5223286 h 5223286"/>
              <a:gd name="connsiteX10" fmla="*/ 8424270 w 10512444"/>
              <a:gd name="connsiteY10" fmla="*/ 4999245 h 5223286"/>
              <a:gd name="connsiteX11" fmla="*/ 8424270 w 10512444"/>
              <a:gd name="connsiteY11" fmla="*/ 4292293 h 5223286"/>
              <a:gd name="connsiteX12" fmla="*/ 8008048 w 10512444"/>
              <a:gd name="connsiteY12" fmla="*/ 4177005 h 5223286"/>
              <a:gd name="connsiteX13" fmla="*/ 7445479 w 10512444"/>
              <a:gd name="connsiteY13" fmla="*/ 5114480 h 5223286"/>
              <a:gd name="connsiteX14" fmla="*/ 7253336 w 10512444"/>
              <a:gd name="connsiteY14" fmla="*/ 5223233 h 5223286"/>
              <a:gd name="connsiteX15" fmla="*/ 225089 w 10512444"/>
              <a:gd name="connsiteY15" fmla="*/ 5223233 h 5223286"/>
              <a:gd name="connsiteX16" fmla="*/ 1010 w 10512444"/>
              <a:gd name="connsiteY16" fmla="*/ 4999192 h 5223286"/>
              <a:gd name="connsiteX17" fmla="*/ 1011 w 10512444"/>
              <a:gd name="connsiteY17" fmla="*/ 3771014 h 5223286"/>
              <a:gd name="connsiteX18" fmla="*/ 39125 w 10512444"/>
              <a:gd name="connsiteY18" fmla="*/ 3605613 h 5223286"/>
              <a:gd name="connsiteX19" fmla="*/ 1253874 w 10512444"/>
              <a:gd name="connsiteY19" fmla="*/ 1594475 h 5223286"/>
              <a:gd name="connsiteX20" fmla="*/ 1403614 w 10512444"/>
              <a:gd name="connsiteY20" fmla="*/ 1501747 h 5223286"/>
              <a:gd name="connsiteX0" fmla="*/ 1402733 w 10511563"/>
              <a:gd name="connsiteY0" fmla="*/ 1501747 h 5223286"/>
              <a:gd name="connsiteX1" fmla="*/ 5524156 w 10511563"/>
              <a:gd name="connsiteY1" fmla="*/ 1501379 h 5223286"/>
              <a:gd name="connsiteX2" fmla="*/ 5646114 w 10511563"/>
              <a:gd name="connsiteY2" fmla="*/ 1419322 h 5223286"/>
              <a:gd name="connsiteX3" fmla="*/ 6434566 w 10511563"/>
              <a:gd name="connsiteY3" fmla="*/ 101268 h 5223286"/>
              <a:gd name="connsiteX4" fmla="*/ 6604922 w 10511563"/>
              <a:gd name="connsiteY4" fmla="*/ 31 h 5223286"/>
              <a:gd name="connsiteX5" fmla="*/ 10287484 w 10511563"/>
              <a:gd name="connsiteY5" fmla="*/ 3684 h 5223286"/>
              <a:gd name="connsiteX6" fmla="*/ 10511563 w 10511563"/>
              <a:gd name="connsiteY6" fmla="*/ 227725 h 5223286"/>
              <a:gd name="connsiteX7" fmla="*/ 10511563 w 10511563"/>
              <a:gd name="connsiteY7" fmla="*/ 4999245 h 5223286"/>
              <a:gd name="connsiteX8" fmla="*/ 10287484 w 10511563"/>
              <a:gd name="connsiteY8" fmla="*/ 5223286 h 5223286"/>
              <a:gd name="connsiteX9" fmla="*/ 8647469 w 10511563"/>
              <a:gd name="connsiteY9" fmla="*/ 5223286 h 5223286"/>
              <a:gd name="connsiteX10" fmla="*/ 8423389 w 10511563"/>
              <a:gd name="connsiteY10" fmla="*/ 4999245 h 5223286"/>
              <a:gd name="connsiteX11" fmla="*/ 8423389 w 10511563"/>
              <a:gd name="connsiteY11" fmla="*/ 4292293 h 5223286"/>
              <a:gd name="connsiteX12" fmla="*/ 8007167 w 10511563"/>
              <a:gd name="connsiteY12" fmla="*/ 4177005 h 5223286"/>
              <a:gd name="connsiteX13" fmla="*/ 7444598 w 10511563"/>
              <a:gd name="connsiteY13" fmla="*/ 5114480 h 5223286"/>
              <a:gd name="connsiteX14" fmla="*/ 7252455 w 10511563"/>
              <a:gd name="connsiteY14" fmla="*/ 5223233 h 5223286"/>
              <a:gd name="connsiteX15" fmla="*/ 224208 w 10511563"/>
              <a:gd name="connsiteY15" fmla="*/ 5223233 h 5223286"/>
              <a:gd name="connsiteX16" fmla="*/ 129 w 10511563"/>
              <a:gd name="connsiteY16" fmla="*/ 4999192 h 5223286"/>
              <a:gd name="connsiteX17" fmla="*/ 130 w 10511563"/>
              <a:gd name="connsiteY17" fmla="*/ 3771014 h 5223286"/>
              <a:gd name="connsiteX18" fmla="*/ 38244 w 10511563"/>
              <a:gd name="connsiteY18" fmla="*/ 3605613 h 5223286"/>
              <a:gd name="connsiteX19" fmla="*/ 1252993 w 10511563"/>
              <a:gd name="connsiteY19" fmla="*/ 1594475 h 5223286"/>
              <a:gd name="connsiteX20" fmla="*/ 1402733 w 10511563"/>
              <a:gd name="connsiteY20" fmla="*/ 1501747 h 5223286"/>
              <a:gd name="connsiteX0" fmla="*/ 1402628 w 10511458"/>
              <a:gd name="connsiteY0" fmla="*/ 1501747 h 5223286"/>
              <a:gd name="connsiteX1" fmla="*/ 5524051 w 10511458"/>
              <a:gd name="connsiteY1" fmla="*/ 1501379 h 5223286"/>
              <a:gd name="connsiteX2" fmla="*/ 5646009 w 10511458"/>
              <a:gd name="connsiteY2" fmla="*/ 1419322 h 5223286"/>
              <a:gd name="connsiteX3" fmla="*/ 6434461 w 10511458"/>
              <a:gd name="connsiteY3" fmla="*/ 101268 h 5223286"/>
              <a:gd name="connsiteX4" fmla="*/ 6604817 w 10511458"/>
              <a:gd name="connsiteY4" fmla="*/ 31 h 5223286"/>
              <a:gd name="connsiteX5" fmla="*/ 10287379 w 10511458"/>
              <a:gd name="connsiteY5" fmla="*/ 3684 h 5223286"/>
              <a:gd name="connsiteX6" fmla="*/ 10511458 w 10511458"/>
              <a:gd name="connsiteY6" fmla="*/ 227725 h 5223286"/>
              <a:gd name="connsiteX7" fmla="*/ 10511458 w 10511458"/>
              <a:gd name="connsiteY7" fmla="*/ 4999245 h 5223286"/>
              <a:gd name="connsiteX8" fmla="*/ 10287379 w 10511458"/>
              <a:gd name="connsiteY8" fmla="*/ 5223286 h 5223286"/>
              <a:gd name="connsiteX9" fmla="*/ 8647364 w 10511458"/>
              <a:gd name="connsiteY9" fmla="*/ 5223286 h 5223286"/>
              <a:gd name="connsiteX10" fmla="*/ 8423284 w 10511458"/>
              <a:gd name="connsiteY10" fmla="*/ 4999245 h 5223286"/>
              <a:gd name="connsiteX11" fmla="*/ 8423284 w 10511458"/>
              <a:gd name="connsiteY11" fmla="*/ 4292293 h 5223286"/>
              <a:gd name="connsiteX12" fmla="*/ 8007062 w 10511458"/>
              <a:gd name="connsiteY12" fmla="*/ 4177005 h 5223286"/>
              <a:gd name="connsiteX13" fmla="*/ 7444493 w 10511458"/>
              <a:gd name="connsiteY13" fmla="*/ 5114480 h 5223286"/>
              <a:gd name="connsiteX14" fmla="*/ 7252350 w 10511458"/>
              <a:gd name="connsiteY14" fmla="*/ 5223233 h 5223286"/>
              <a:gd name="connsiteX15" fmla="*/ 224103 w 10511458"/>
              <a:gd name="connsiteY15" fmla="*/ 5223233 h 5223286"/>
              <a:gd name="connsiteX16" fmla="*/ 24 w 10511458"/>
              <a:gd name="connsiteY16" fmla="*/ 4999192 h 5223286"/>
              <a:gd name="connsiteX17" fmla="*/ 25 w 10511458"/>
              <a:gd name="connsiteY17" fmla="*/ 3771014 h 5223286"/>
              <a:gd name="connsiteX18" fmla="*/ 38139 w 10511458"/>
              <a:gd name="connsiteY18" fmla="*/ 3605613 h 5223286"/>
              <a:gd name="connsiteX19" fmla="*/ 1252888 w 10511458"/>
              <a:gd name="connsiteY19" fmla="*/ 1594475 h 5223286"/>
              <a:gd name="connsiteX20" fmla="*/ 1402628 w 10511458"/>
              <a:gd name="connsiteY20" fmla="*/ 1501747 h 5223286"/>
              <a:gd name="connsiteX0" fmla="*/ 1402611 w 10511441"/>
              <a:gd name="connsiteY0" fmla="*/ 1501747 h 5223286"/>
              <a:gd name="connsiteX1" fmla="*/ 5524034 w 10511441"/>
              <a:gd name="connsiteY1" fmla="*/ 1501379 h 5223286"/>
              <a:gd name="connsiteX2" fmla="*/ 5645992 w 10511441"/>
              <a:gd name="connsiteY2" fmla="*/ 1419322 h 5223286"/>
              <a:gd name="connsiteX3" fmla="*/ 6434444 w 10511441"/>
              <a:gd name="connsiteY3" fmla="*/ 101268 h 5223286"/>
              <a:gd name="connsiteX4" fmla="*/ 6604800 w 10511441"/>
              <a:gd name="connsiteY4" fmla="*/ 31 h 5223286"/>
              <a:gd name="connsiteX5" fmla="*/ 10287362 w 10511441"/>
              <a:gd name="connsiteY5" fmla="*/ 3684 h 5223286"/>
              <a:gd name="connsiteX6" fmla="*/ 10511441 w 10511441"/>
              <a:gd name="connsiteY6" fmla="*/ 227725 h 5223286"/>
              <a:gd name="connsiteX7" fmla="*/ 10511441 w 10511441"/>
              <a:gd name="connsiteY7" fmla="*/ 4999245 h 5223286"/>
              <a:gd name="connsiteX8" fmla="*/ 10287362 w 10511441"/>
              <a:gd name="connsiteY8" fmla="*/ 5223286 h 5223286"/>
              <a:gd name="connsiteX9" fmla="*/ 8647347 w 10511441"/>
              <a:gd name="connsiteY9" fmla="*/ 5223286 h 5223286"/>
              <a:gd name="connsiteX10" fmla="*/ 8423267 w 10511441"/>
              <a:gd name="connsiteY10" fmla="*/ 4999245 h 5223286"/>
              <a:gd name="connsiteX11" fmla="*/ 8423267 w 10511441"/>
              <a:gd name="connsiteY11" fmla="*/ 4292293 h 5223286"/>
              <a:gd name="connsiteX12" fmla="*/ 8007045 w 10511441"/>
              <a:gd name="connsiteY12" fmla="*/ 4177005 h 5223286"/>
              <a:gd name="connsiteX13" fmla="*/ 7444476 w 10511441"/>
              <a:gd name="connsiteY13" fmla="*/ 5114480 h 5223286"/>
              <a:gd name="connsiteX14" fmla="*/ 7252333 w 10511441"/>
              <a:gd name="connsiteY14" fmla="*/ 5223233 h 5223286"/>
              <a:gd name="connsiteX15" fmla="*/ 224086 w 10511441"/>
              <a:gd name="connsiteY15" fmla="*/ 5223233 h 5223286"/>
              <a:gd name="connsiteX16" fmla="*/ 7 w 10511441"/>
              <a:gd name="connsiteY16" fmla="*/ 4999192 h 5223286"/>
              <a:gd name="connsiteX17" fmla="*/ 8 w 10511441"/>
              <a:gd name="connsiteY17" fmla="*/ 3771014 h 5223286"/>
              <a:gd name="connsiteX18" fmla="*/ 38122 w 10511441"/>
              <a:gd name="connsiteY18" fmla="*/ 3605613 h 5223286"/>
              <a:gd name="connsiteX19" fmla="*/ 1252871 w 10511441"/>
              <a:gd name="connsiteY19" fmla="*/ 1594475 h 5223286"/>
              <a:gd name="connsiteX20" fmla="*/ 1402611 w 10511441"/>
              <a:gd name="connsiteY20" fmla="*/ 1501747 h 5223286"/>
              <a:gd name="connsiteX0" fmla="*/ 1402605 w 10511435"/>
              <a:gd name="connsiteY0" fmla="*/ 1501747 h 5223286"/>
              <a:gd name="connsiteX1" fmla="*/ 5524028 w 10511435"/>
              <a:gd name="connsiteY1" fmla="*/ 1501379 h 5223286"/>
              <a:gd name="connsiteX2" fmla="*/ 5645986 w 10511435"/>
              <a:gd name="connsiteY2" fmla="*/ 1419322 h 5223286"/>
              <a:gd name="connsiteX3" fmla="*/ 6434438 w 10511435"/>
              <a:gd name="connsiteY3" fmla="*/ 101268 h 5223286"/>
              <a:gd name="connsiteX4" fmla="*/ 6604794 w 10511435"/>
              <a:gd name="connsiteY4" fmla="*/ 31 h 5223286"/>
              <a:gd name="connsiteX5" fmla="*/ 10287356 w 10511435"/>
              <a:gd name="connsiteY5" fmla="*/ 3684 h 5223286"/>
              <a:gd name="connsiteX6" fmla="*/ 10511435 w 10511435"/>
              <a:gd name="connsiteY6" fmla="*/ 227725 h 5223286"/>
              <a:gd name="connsiteX7" fmla="*/ 10511435 w 10511435"/>
              <a:gd name="connsiteY7" fmla="*/ 4999245 h 5223286"/>
              <a:gd name="connsiteX8" fmla="*/ 10287356 w 10511435"/>
              <a:gd name="connsiteY8" fmla="*/ 5223286 h 5223286"/>
              <a:gd name="connsiteX9" fmla="*/ 8647341 w 10511435"/>
              <a:gd name="connsiteY9" fmla="*/ 5223286 h 5223286"/>
              <a:gd name="connsiteX10" fmla="*/ 8423261 w 10511435"/>
              <a:gd name="connsiteY10" fmla="*/ 4999245 h 5223286"/>
              <a:gd name="connsiteX11" fmla="*/ 8423261 w 10511435"/>
              <a:gd name="connsiteY11" fmla="*/ 4292293 h 5223286"/>
              <a:gd name="connsiteX12" fmla="*/ 8007039 w 10511435"/>
              <a:gd name="connsiteY12" fmla="*/ 4177005 h 5223286"/>
              <a:gd name="connsiteX13" fmla="*/ 7444470 w 10511435"/>
              <a:gd name="connsiteY13" fmla="*/ 5114480 h 5223286"/>
              <a:gd name="connsiteX14" fmla="*/ 7252327 w 10511435"/>
              <a:gd name="connsiteY14" fmla="*/ 5223233 h 5223286"/>
              <a:gd name="connsiteX15" fmla="*/ 224080 w 10511435"/>
              <a:gd name="connsiteY15" fmla="*/ 5223233 h 5223286"/>
              <a:gd name="connsiteX16" fmla="*/ 1 w 10511435"/>
              <a:gd name="connsiteY16" fmla="*/ 4999192 h 5223286"/>
              <a:gd name="connsiteX17" fmla="*/ 2 w 10511435"/>
              <a:gd name="connsiteY17" fmla="*/ 3771014 h 5223286"/>
              <a:gd name="connsiteX18" fmla="*/ 38116 w 10511435"/>
              <a:gd name="connsiteY18" fmla="*/ 3605613 h 5223286"/>
              <a:gd name="connsiteX19" fmla="*/ 1252865 w 10511435"/>
              <a:gd name="connsiteY19" fmla="*/ 1594475 h 5223286"/>
              <a:gd name="connsiteX20" fmla="*/ 1402605 w 10511435"/>
              <a:gd name="connsiteY20" fmla="*/ 1501747 h 5223286"/>
              <a:gd name="connsiteX0" fmla="*/ 1420613 w 10529443"/>
              <a:gd name="connsiteY0" fmla="*/ 1501747 h 5223534"/>
              <a:gd name="connsiteX1" fmla="*/ 5542036 w 10529443"/>
              <a:gd name="connsiteY1" fmla="*/ 1501379 h 5223534"/>
              <a:gd name="connsiteX2" fmla="*/ 5663994 w 10529443"/>
              <a:gd name="connsiteY2" fmla="*/ 1419322 h 5223534"/>
              <a:gd name="connsiteX3" fmla="*/ 6452446 w 10529443"/>
              <a:gd name="connsiteY3" fmla="*/ 101268 h 5223534"/>
              <a:gd name="connsiteX4" fmla="*/ 6622802 w 10529443"/>
              <a:gd name="connsiteY4" fmla="*/ 31 h 5223534"/>
              <a:gd name="connsiteX5" fmla="*/ 10305364 w 10529443"/>
              <a:gd name="connsiteY5" fmla="*/ 3684 h 5223534"/>
              <a:gd name="connsiteX6" fmla="*/ 10529443 w 10529443"/>
              <a:gd name="connsiteY6" fmla="*/ 227725 h 5223534"/>
              <a:gd name="connsiteX7" fmla="*/ 10529443 w 10529443"/>
              <a:gd name="connsiteY7" fmla="*/ 4999245 h 5223534"/>
              <a:gd name="connsiteX8" fmla="*/ 10305364 w 10529443"/>
              <a:gd name="connsiteY8" fmla="*/ 5223286 h 5223534"/>
              <a:gd name="connsiteX9" fmla="*/ 8665349 w 10529443"/>
              <a:gd name="connsiteY9" fmla="*/ 5223286 h 5223534"/>
              <a:gd name="connsiteX10" fmla="*/ 8441269 w 10529443"/>
              <a:gd name="connsiteY10" fmla="*/ 4999245 h 5223534"/>
              <a:gd name="connsiteX11" fmla="*/ 8441269 w 10529443"/>
              <a:gd name="connsiteY11" fmla="*/ 4292293 h 5223534"/>
              <a:gd name="connsiteX12" fmla="*/ 8025047 w 10529443"/>
              <a:gd name="connsiteY12" fmla="*/ 4177005 h 5223534"/>
              <a:gd name="connsiteX13" fmla="*/ 7462478 w 10529443"/>
              <a:gd name="connsiteY13" fmla="*/ 5114480 h 5223534"/>
              <a:gd name="connsiteX14" fmla="*/ 7270335 w 10529443"/>
              <a:gd name="connsiteY14" fmla="*/ 5223233 h 5223534"/>
              <a:gd name="connsiteX15" fmla="*/ 261138 w 10529443"/>
              <a:gd name="connsiteY15" fmla="*/ 5223233 h 5223534"/>
              <a:gd name="connsiteX16" fmla="*/ 18009 w 10529443"/>
              <a:gd name="connsiteY16" fmla="*/ 4999192 h 5223534"/>
              <a:gd name="connsiteX17" fmla="*/ 18010 w 10529443"/>
              <a:gd name="connsiteY17" fmla="*/ 3771014 h 5223534"/>
              <a:gd name="connsiteX18" fmla="*/ 56124 w 10529443"/>
              <a:gd name="connsiteY18" fmla="*/ 3605613 h 5223534"/>
              <a:gd name="connsiteX19" fmla="*/ 1270873 w 10529443"/>
              <a:gd name="connsiteY19" fmla="*/ 1594475 h 5223534"/>
              <a:gd name="connsiteX20" fmla="*/ 1420613 w 10529443"/>
              <a:gd name="connsiteY20" fmla="*/ 1501747 h 5223534"/>
              <a:gd name="connsiteX0" fmla="*/ 1420613 w 10529443"/>
              <a:gd name="connsiteY0" fmla="*/ 1501747 h 5223534"/>
              <a:gd name="connsiteX1" fmla="*/ 5542036 w 10529443"/>
              <a:gd name="connsiteY1" fmla="*/ 1501379 h 5223534"/>
              <a:gd name="connsiteX2" fmla="*/ 5663994 w 10529443"/>
              <a:gd name="connsiteY2" fmla="*/ 1419322 h 5223534"/>
              <a:gd name="connsiteX3" fmla="*/ 6452446 w 10529443"/>
              <a:gd name="connsiteY3" fmla="*/ 101268 h 5223534"/>
              <a:gd name="connsiteX4" fmla="*/ 6622802 w 10529443"/>
              <a:gd name="connsiteY4" fmla="*/ 31 h 5223534"/>
              <a:gd name="connsiteX5" fmla="*/ 10305364 w 10529443"/>
              <a:gd name="connsiteY5" fmla="*/ 3684 h 5223534"/>
              <a:gd name="connsiteX6" fmla="*/ 10529443 w 10529443"/>
              <a:gd name="connsiteY6" fmla="*/ 227725 h 5223534"/>
              <a:gd name="connsiteX7" fmla="*/ 10529443 w 10529443"/>
              <a:gd name="connsiteY7" fmla="*/ 4999245 h 5223534"/>
              <a:gd name="connsiteX8" fmla="*/ 10305364 w 10529443"/>
              <a:gd name="connsiteY8" fmla="*/ 5223286 h 5223534"/>
              <a:gd name="connsiteX9" fmla="*/ 8665349 w 10529443"/>
              <a:gd name="connsiteY9" fmla="*/ 5223286 h 5223534"/>
              <a:gd name="connsiteX10" fmla="*/ 8441269 w 10529443"/>
              <a:gd name="connsiteY10" fmla="*/ 4999245 h 5223534"/>
              <a:gd name="connsiteX11" fmla="*/ 8441269 w 10529443"/>
              <a:gd name="connsiteY11" fmla="*/ 4292293 h 5223534"/>
              <a:gd name="connsiteX12" fmla="*/ 8025047 w 10529443"/>
              <a:gd name="connsiteY12" fmla="*/ 4177005 h 5223534"/>
              <a:gd name="connsiteX13" fmla="*/ 7462478 w 10529443"/>
              <a:gd name="connsiteY13" fmla="*/ 5114480 h 5223534"/>
              <a:gd name="connsiteX14" fmla="*/ 7270335 w 10529443"/>
              <a:gd name="connsiteY14" fmla="*/ 5223233 h 5223534"/>
              <a:gd name="connsiteX15" fmla="*/ 261138 w 10529443"/>
              <a:gd name="connsiteY15" fmla="*/ 5223233 h 5223534"/>
              <a:gd name="connsiteX16" fmla="*/ 18009 w 10529443"/>
              <a:gd name="connsiteY16" fmla="*/ 4999192 h 5223534"/>
              <a:gd name="connsiteX17" fmla="*/ 18010 w 10529443"/>
              <a:gd name="connsiteY17" fmla="*/ 3771014 h 5223534"/>
              <a:gd name="connsiteX18" fmla="*/ 56124 w 10529443"/>
              <a:gd name="connsiteY18" fmla="*/ 3605613 h 5223534"/>
              <a:gd name="connsiteX19" fmla="*/ 1270873 w 10529443"/>
              <a:gd name="connsiteY19" fmla="*/ 1594475 h 5223534"/>
              <a:gd name="connsiteX20" fmla="*/ 1420613 w 10529443"/>
              <a:gd name="connsiteY20" fmla="*/ 1501747 h 5223534"/>
              <a:gd name="connsiteX0" fmla="*/ 1404738 w 10513568"/>
              <a:gd name="connsiteY0" fmla="*/ 1501747 h 5223702"/>
              <a:gd name="connsiteX1" fmla="*/ 5526161 w 10513568"/>
              <a:gd name="connsiteY1" fmla="*/ 1501379 h 5223702"/>
              <a:gd name="connsiteX2" fmla="*/ 5648119 w 10513568"/>
              <a:gd name="connsiteY2" fmla="*/ 1419322 h 5223702"/>
              <a:gd name="connsiteX3" fmla="*/ 6436571 w 10513568"/>
              <a:gd name="connsiteY3" fmla="*/ 101268 h 5223702"/>
              <a:gd name="connsiteX4" fmla="*/ 6606927 w 10513568"/>
              <a:gd name="connsiteY4" fmla="*/ 31 h 5223702"/>
              <a:gd name="connsiteX5" fmla="*/ 10289489 w 10513568"/>
              <a:gd name="connsiteY5" fmla="*/ 3684 h 5223702"/>
              <a:gd name="connsiteX6" fmla="*/ 10513568 w 10513568"/>
              <a:gd name="connsiteY6" fmla="*/ 227725 h 5223702"/>
              <a:gd name="connsiteX7" fmla="*/ 10513568 w 10513568"/>
              <a:gd name="connsiteY7" fmla="*/ 4999245 h 5223702"/>
              <a:gd name="connsiteX8" fmla="*/ 10289489 w 10513568"/>
              <a:gd name="connsiteY8" fmla="*/ 5223286 h 5223702"/>
              <a:gd name="connsiteX9" fmla="*/ 8649474 w 10513568"/>
              <a:gd name="connsiteY9" fmla="*/ 5223286 h 5223702"/>
              <a:gd name="connsiteX10" fmla="*/ 8425394 w 10513568"/>
              <a:gd name="connsiteY10" fmla="*/ 4999245 h 5223702"/>
              <a:gd name="connsiteX11" fmla="*/ 8425394 w 10513568"/>
              <a:gd name="connsiteY11" fmla="*/ 4292293 h 5223702"/>
              <a:gd name="connsiteX12" fmla="*/ 8009172 w 10513568"/>
              <a:gd name="connsiteY12" fmla="*/ 4177005 h 5223702"/>
              <a:gd name="connsiteX13" fmla="*/ 7446603 w 10513568"/>
              <a:gd name="connsiteY13" fmla="*/ 5114480 h 5223702"/>
              <a:gd name="connsiteX14" fmla="*/ 7254460 w 10513568"/>
              <a:gd name="connsiteY14" fmla="*/ 5223233 h 5223702"/>
              <a:gd name="connsiteX15" fmla="*/ 245263 w 10513568"/>
              <a:gd name="connsiteY15" fmla="*/ 5223233 h 5223702"/>
              <a:gd name="connsiteX16" fmla="*/ 2134 w 10513568"/>
              <a:gd name="connsiteY16" fmla="*/ 4999192 h 5223702"/>
              <a:gd name="connsiteX17" fmla="*/ 2135 w 10513568"/>
              <a:gd name="connsiteY17" fmla="*/ 3771014 h 5223702"/>
              <a:gd name="connsiteX18" fmla="*/ 40249 w 10513568"/>
              <a:gd name="connsiteY18" fmla="*/ 3605613 h 5223702"/>
              <a:gd name="connsiteX19" fmla="*/ 1254998 w 10513568"/>
              <a:gd name="connsiteY19" fmla="*/ 1594475 h 5223702"/>
              <a:gd name="connsiteX20" fmla="*/ 1404738 w 10513568"/>
              <a:gd name="connsiteY20" fmla="*/ 1501747 h 5223702"/>
              <a:gd name="connsiteX0" fmla="*/ 1403680 w 10512510"/>
              <a:gd name="connsiteY0" fmla="*/ 1501747 h 5223702"/>
              <a:gd name="connsiteX1" fmla="*/ 5525103 w 10512510"/>
              <a:gd name="connsiteY1" fmla="*/ 1501379 h 5223702"/>
              <a:gd name="connsiteX2" fmla="*/ 5647061 w 10512510"/>
              <a:gd name="connsiteY2" fmla="*/ 1419322 h 5223702"/>
              <a:gd name="connsiteX3" fmla="*/ 6435513 w 10512510"/>
              <a:gd name="connsiteY3" fmla="*/ 101268 h 5223702"/>
              <a:gd name="connsiteX4" fmla="*/ 6605869 w 10512510"/>
              <a:gd name="connsiteY4" fmla="*/ 31 h 5223702"/>
              <a:gd name="connsiteX5" fmla="*/ 10288431 w 10512510"/>
              <a:gd name="connsiteY5" fmla="*/ 3684 h 5223702"/>
              <a:gd name="connsiteX6" fmla="*/ 10512510 w 10512510"/>
              <a:gd name="connsiteY6" fmla="*/ 227725 h 5223702"/>
              <a:gd name="connsiteX7" fmla="*/ 10512510 w 10512510"/>
              <a:gd name="connsiteY7" fmla="*/ 4999245 h 5223702"/>
              <a:gd name="connsiteX8" fmla="*/ 10288431 w 10512510"/>
              <a:gd name="connsiteY8" fmla="*/ 5223286 h 5223702"/>
              <a:gd name="connsiteX9" fmla="*/ 8648416 w 10512510"/>
              <a:gd name="connsiteY9" fmla="*/ 5223286 h 5223702"/>
              <a:gd name="connsiteX10" fmla="*/ 8424336 w 10512510"/>
              <a:gd name="connsiteY10" fmla="*/ 4999245 h 5223702"/>
              <a:gd name="connsiteX11" fmla="*/ 8424336 w 10512510"/>
              <a:gd name="connsiteY11" fmla="*/ 4292293 h 5223702"/>
              <a:gd name="connsiteX12" fmla="*/ 8008114 w 10512510"/>
              <a:gd name="connsiteY12" fmla="*/ 4177005 h 5223702"/>
              <a:gd name="connsiteX13" fmla="*/ 7445545 w 10512510"/>
              <a:gd name="connsiteY13" fmla="*/ 5114480 h 5223702"/>
              <a:gd name="connsiteX14" fmla="*/ 7253402 w 10512510"/>
              <a:gd name="connsiteY14" fmla="*/ 5223233 h 5223702"/>
              <a:gd name="connsiteX15" fmla="*/ 244205 w 10512510"/>
              <a:gd name="connsiteY15" fmla="*/ 5223233 h 5223702"/>
              <a:gd name="connsiteX16" fmla="*/ 1076 w 10512510"/>
              <a:gd name="connsiteY16" fmla="*/ 4999192 h 5223702"/>
              <a:gd name="connsiteX17" fmla="*/ 1077 w 10512510"/>
              <a:gd name="connsiteY17" fmla="*/ 3771014 h 5223702"/>
              <a:gd name="connsiteX18" fmla="*/ 39191 w 10512510"/>
              <a:gd name="connsiteY18" fmla="*/ 3605613 h 5223702"/>
              <a:gd name="connsiteX19" fmla="*/ 1253940 w 10512510"/>
              <a:gd name="connsiteY19" fmla="*/ 1594475 h 5223702"/>
              <a:gd name="connsiteX20" fmla="*/ 1403680 w 10512510"/>
              <a:gd name="connsiteY20" fmla="*/ 1501747 h 5223702"/>
              <a:gd name="connsiteX0" fmla="*/ 1404232 w 10513062"/>
              <a:gd name="connsiteY0" fmla="*/ 1501747 h 5223286"/>
              <a:gd name="connsiteX1" fmla="*/ 5525655 w 10513062"/>
              <a:gd name="connsiteY1" fmla="*/ 1501379 h 5223286"/>
              <a:gd name="connsiteX2" fmla="*/ 5647613 w 10513062"/>
              <a:gd name="connsiteY2" fmla="*/ 1419322 h 5223286"/>
              <a:gd name="connsiteX3" fmla="*/ 6436065 w 10513062"/>
              <a:gd name="connsiteY3" fmla="*/ 101268 h 5223286"/>
              <a:gd name="connsiteX4" fmla="*/ 6606421 w 10513062"/>
              <a:gd name="connsiteY4" fmla="*/ 31 h 5223286"/>
              <a:gd name="connsiteX5" fmla="*/ 10288983 w 10513062"/>
              <a:gd name="connsiteY5" fmla="*/ 3684 h 5223286"/>
              <a:gd name="connsiteX6" fmla="*/ 10513062 w 10513062"/>
              <a:gd name="connsiteY6" fmla="*/ 227725 h 5223286"/>
              <a:gd name="connsiteX7" fmla="*/ 10513062 w 10513062"/>
              <a:gd name="connsiteY7" fmla="*/ 4999245 h 5223286"/>
              <a:gd name="connsiteX8" fmla="*/ 10288983 w 10513062"/>
              <a:gd name="connsiteY8" fmla="*/ 5223286 h 5223286"/>
              <a:gd name="connsiteX9" fmla="*/ 8648968 w 10513062"/>
              <a:gd name="connsiteY9" fmla="*/ 5223286 h 5223286"/>
              <a:gd name="connsiteX10" fmla="*/ 8424888 w 10513062"/>
              <a:gd name="connsiteY10" fmla="*/ 4999245 h 5223286"/>
              <a:gd name="connsiteX11" fmla="*/ 8424888 w 10513062"/>
              <a:gd name="connsiteY11" fmla="*/ 4292293 h 5223286"/>
              <a:gd name="connsiteX12" fmla="*/ 8008666 w 10513062"/>
              <a:gd name="connsiteY12" fmla="*/ 4177005 h 5223286"/>
              <a:gd name="connsiteX13" fmla="*/ 7446097 w 10513062"/>
              <a:gd name="connsiteY13" fmla="*/ 5114480 h 5223286"/>
              <a:gd name="connsiteX14" fmla="*/ 7253954 w 10513062"/>
              <a:gd name="connsiteY14" fmla="*/ 5223233 h 5223286"/>
              <a:gd name="connsiteX15" fmla="*/ 244757 w 10513062"/>
              <a:gd name="connsiteY15" fmla="*/ 5223233 h 5223286"/>
              <a:gd name="connsiteX16" fmla="*/ 1628 w 10513062"/>
              <a:gd name="connsiteY16" fmla="*/ 4999192 h 5223286"/>
              <a:gd name="connsiteX17" fmla="*/ 1629 w 10513062"/>
              <a:gd name="connsiteY17" fmla="*/ 3771014 h 5223286"/>
              <a:gd name="connsiteX18" fmla="*/ 39743 w 10513062"/>
              <a:gd name="connsiteY18" fmla="*/ 3605613 h 5223286"/>
              <a:gd name="connsiteX19" fmla="*/ 1254492 w 10513062"/>
              <a:gd name="connsiteY19" fmla="*/ 1594475 h 5223286"/>
              <a:gd name="connsiteX20" fmla="*/ 1404232 w 10513062"/>
              <a:gd name="connsiteY20" fmla="*/ 1501747 h 5223286"/>
              <a:gd name="connsiteX0" fmla="*/ 1404232 w 10513062"/>
              <a:gd name="connsiteY0" fmla="*/ 1501747 h 5223286"/>
              <a:gd name="connsiteX1" fmla="*/ 5525655 w 10513062"/>
              <a:gd name="connsiteY1" fmla="*/ 1501379 h 5223286"/>
              <a:gd name="connsiteX2" fmla="*/ 5647613 w 10513062"/>
              <a:gd name="connsiteY2" fmla="*/ 1419322 h 5223286"/>
              <a:gd name="connsiteX3" fmla="*/ 6436065 w 10513062"/>
              <a:gd name="connsiteY3" fmla="*/ 101268 h 5223286"/>
              <a:gd name="connsiteX4" fmla="*/ 6606421 w 10513062"/>
              <a:gd name="connsiteY4" fmla="*/ 31 h 5223286"/>
              <a:gd name="connsiteX5" fmla="*/ 10288983 w 10513062"/>
              <a:gd name="connsiteY5" fmla="*/ 3684 h 5223286"/>
              <a:gd name="connsiteX6" fmla="*/ 10513062 w 10513062"/>
              <a:gd name="connsiteY6" fmla="*/ 227725 h 5223286"/>
              <a:gd name="connsiteX7" fmla="*/ 10513062 w 10513062"/>
              <a:gd name="connsiteY7" fmla="*/ 4999245 h 5223286"/>
              <a:gd name="connsiteX8" fmla="*/ 10288983 w 10513062"/>
              <a:gd name="connsiteY8" fmla="*/ 5223286 h 5223286"/>
              <a:gd name="connsiteX9" fmla="*/ 8648968 w 10513062"/>
              <a:gd name="connsiteY9" fmla="*/ 5223286 h 5223286"/>
              <a:gd name="connsiteX10" fmla="*/ 8424888 w 10513062"/>
              <a:gd name="connsiteY10" fmla="*/ 4999245 h 5223286"/>
              <a:gd name="connsiteX11" fmla="*/ 8424888 w 10513062"/>
              <a:gd name="connsiteY11" fmla="*/ 4292293 h 5223286"/>
              <a:gd name="connsiteX12" fmla="*/ 8008666 w 10513062"/>
              <a:gd name="connsiteY12" fmla="*/ 4177005 h 5223286"/>
              <a:gd name="connsiteX13" fmla="*/ 7446097 w 10513062"/>
              <a:gd name="connsiteY13" fmla="*/ 5114480 h 5223286"/>
              <a:gd name="connsiteX14" fmla="*/ 7253954 w 10513062"/>
              <a:gd name="connsiteY14" fmla="*/ 5223233 h 5223286"/>
              <a:gd name="connsiteX15" fmla="*/ 244757 w 10513062"/>
              <a:gd name="connsiteY15" fmla="*/ 5223233 h 5223286"/>
              <a:gd name="connsiteX16" fmla="*/ 1628 w 10513062"/>
              <a:gd name="connsiteY16" fmla="*/ 4999192 h 5223286"/>
              <a:gd name="connsiteX17" fmla="*/ 1629 w 10513062"/>
              <a:gd name="connsiteY17" fmla="*/ 3771014 h 5223286"/>
              <a:gd name="connsiteX18" fmla="*/ 39743 w 10513062"/>
              <a:gd name="connsiteY18" fmla="*/ 3605613 h 5223286"/>
              <a:gd name="connsiteX19" fmla="*/ 1254492 w 10513062"/>
              <a:gd name="connsiteY19" fmla="*/ 1594475 h 5223286"/>
              <a:gd name="connsiteX20" fmla="*/ 1404232 w 10513062"/>
              <a:gd name="connsiteY20" fmla="*/ 1501747 h 5223286"/>
              <a:gd name="connsiteX0" fmla="*/ 1404732 w 10513562"/>
              <a:gd name="connsiteY0" fmla="*/ 1501747 h 5223286"/>
              <a:gd name="connsiteX1" fmla="*/ 5526155 w 10513562"/>
              <a:gd name="connsiteY1" fmla="*/ 1501379 h 5223286"/>
              <a:gd name="connsiteX2" fmla="*/ 5648113 w 10513562"/>
              <a:gd name="connsiteY2" fmla="*/ 1419322 h 5223286"/>
              <a:gd name="connsiteX3" fmla="*/ 6436565 w 10513562"/>
              <a:gd name="connsiteY3" fmla="*/ 101268 h 5223286"/>
              <a:gd name="connsiteX4" fmla="*/ 6606921 w 10513562"/>
              <a:gd name="connsiteY4" fmla="*/ 31 h 5223286"/>
              <a:gd name="connsiteX5" fmla="*/ 10289483 w 10513562"/>
              <a:gd name="connsiteY5" fmla="*/ 3684 h 5223286"/>
              <a:gd name="connsiteX6" fmla="*/ 10513562 w 10513562"/>
              <a:gd name="connsiteY6" fmla="*/ 227725 h 5223286"/>
              <a:gd name="connsiteX7" fmla="*/ 10513562 w 10513562"/>
              <a:gd name="connsiteY7" fmla="*/ 4999245 h 5223286"/>
              <a:gd name="connsiteX8" fmla="*/ 10289483 w 10513562"/>
              <a:gd name="connsiteY8" fmla="*/ 5223286 h 5223286"/>
              <a:gd name="connsiteX9" fmla="*/ 8649468 w 10513562"/>
              <a:gd name="connsiteY9" fmla="*/ 5223286 h 5223286"/>
              <a:gd name="connsiteX10" fmla="*/ 8425388 w 10513562"/>
              <a:gd name="connsiteY10" fmla="*/ 4999245 h 5223286"/>
              <a:gd name="connsiteX11" fmla="*/ 8425388 w 10513562"/>
              <a:gd name="connsiteY11" fmla="*/ 4292293 h 5223286"/>
              <a:gd name="connsiteX12" fmla="*/ 8009166 w 10513562"/>
              <a:gd name="connsiteY12" fmla="*/ 4177005 h 5223286"/>
              <a:gd name="connsiteX13" fmla="*/ 7446597 w 10513562"/>
              <a:gd name="connsiteY13" fmla="*/ 5114480 h 5223286"/>
              <a:gd name="connsiteX14" fmla="*/ 7254454 w 10513562"/>
              <a:gd name="connsiteY14" fmla="*/ 5223233 h 5223286"/>
              <a:gd name="connsiteX15" fmla="*/ 245257 w 10513562"/>
              <a:gd name="connsiteY15" fmla="*/ 5223233 h 5223286"/>
              <a:gd name="connsiteX16" fmla="*/ 2128 w 10513562"/>
              <a:gd name="connsiteY16" fmla="*/ 4999192 h 5223286"/>
              <a:gd name="connsiteX17" fmla="*/ 2129 w 10513562"/>
              <a:gd name="connsiteY17" fmla="*/ 3771014 h 5223286"/>
              <a:gd name="connsiteX18" fmla="*/ 40243 w 10513562"/>
              <a:gd name="connsiteY18" fmla="*/ 3605613 h 5223286"/>
              <a:gd name="connsiteX19" fmla="*/ 1254992 w 10513562"/>
              <a:gd name="connsiteY19" fmla="*/ 1594475 h 5223286"/>
              <a:gd name="connsiteX20" fmla="*/ 1404732 w 10513562"/>
              <a:gd name="connsiteY20" fmla="*/ 1501747 h 5223286"/>
              <a:gd name="connsiteX0" fmla="*/ 1402617 w 10511447"/>
              <a:gd name="connsiteY0" fmla="*/ 1501747 h 5223286"/>
              <a:gd name="connsiteX1" fmla="*/ 5524040 w 10511447"/>
              <a:gd name="connsiteY1" fmla="*/ 1501379 h 5223286"/>
              <a:gd name="connsiteX2" fmla="*/ 5645998 w 10511447"/>
              <a:gd name="connsiteY2" fmla="*/ 1419322 h 5223286"/>
              <a:gd name="connsiteX3" fmla="*/ 6434450 w 10511447"/>
              <a:gd name="connsiteY3" fmla="*/ 101268 h 5223286"/>
              <a:gd name="connsiteX4" fmla="*/ 6604806 w 10511447"/>
              <a:gd name="connsiteY4" fmla="*/ 31 h 5223286"/>
              <a:gd name="connsiteX5" fmla="*/ 10287368 w 10511447"/>
              <a:gd name="connsiteY5" fmla="*/ 3684 h 5223286"/>
              <a:gd name="connsiteX6" fmla="*/ 10511447 w 10511447"/>
              <a:gd name="connsiteY6" fmla="*/ 227725 h 5223286"/>
              <a:gd name="connsiteX7" fmla="*/ 10511447 w 10511447"/>
              <a:gd name="connsiteY7" fmla="*/ 4999245 h 5223286"/>
              <a:gd name="connsiteX8" fmla="*/ 10287368 w 10511447"/>
              <a:gd name="connsiteY8" fmla="*/ 5223286 h 5223286"/>
              <a:gd name="connsiteX9" fmla="*/ 8647353 w 10511447"/>
              <a:gd name="connsiteY9" fmla="*/ 5223286 h 5223286"/>
              <a:gd name="connsiteX10" fmla="*/ 8423273 w 10511447"/>
              <a:gd name="connsiteY10" fmla="*/ 4999245 h 5223286"/>
              <a:gd name="connsiteX11" fmla="*/ 8423273 w 10511447"/>
              <a:gd name="connsiteY11" fmla="*/ 4292293 h 5223286"/>
              <a:gd name="connsiteX12" fmla="*/ 8007051 w 10511447"/>
              <a:gd name="connsiteY12" fmla="*/ 4177005 h 5223286"/>
              <a:gd name="connsiteX13" fmla="*/ 7444482 w 10511447"/>
              <a:gd name="connsiteY13" fmla="*/ 5114480 h 5223286"/>
              <a:gd name="connsiteX14" fmla="*/ 7252339 w 10511447"/>
              <a:gd name="connsiteY14" fmla="*/ 5223233 h 5223286"/>
              <a:gd name="connsiteX15" fmla="*/ 243142 w 10511447"/>
              <a:gd name="connsiteY15" fmla="*/ 5223233 h 5223286"/>
              <a:gd name="connsiteX16" fmla="*/ 13 w 10511447"/>
              <a:gd name="connsiteY16" fmla="*/ 4999192 h 5223286"/>
              <a:gd name="connsiteX17" fmla="*/ 14 w 10511447"/>
              <a:gd name="connsiteY17" fmla="*/ 3771014 h 5223286"/>
              <a:gd name="connsiteX18" fmla="*/ 38128 w 10511447"/>
              <a:gd name="connsiteY18" fmla="*/ 3605613 h 5223286"/>
              <a:gd name="connsiteX19" fmla="*/ 1252877 w 10511447"/>
              <a:gd name="connsiteY19" fmla="*/ 1594475 h 5223286"/>
              <a:gd name="connsiteX20" fmla="*/ 1402617 w 10511447"/>
              <a:gd name="connsiteY20" fmla="*/ 1501747 h 5223286"/>
              <a:gd name="connsiteX0" fmla="*/ 1417614 w 10526444"/>
              <a:gd name="connsiteY0" fmla="*/ 1501747 h 5223286"/>
              <a:gd name="connsiteX1" fmla="*/ 5539037 w 10526444"/>
              <a:gd name="connsiteY1" fmla="*/ 1501379 h 5223286"/>
              <a:gd name="connsiteX2" fmla="*/ 5660995 w 10526444"/>
              <a:gd name="connsiteY2" fmla="*/ 1419322 h 5223286"/>
              <a:gd name="connsiteX3" fmla="*/ 6449447 w 10526444"/>
              <a:gd name="connsiteY3" fmla="*/ 101268 h 5223286"/>
              <a:gd name="connsiteX4" fmla="*/ 6619803 w 10526444"/>
              <a:gd name="connsiteY4" fmla="*/ 31 h 5223286"/>
              <a:gd name="connsiteX5" fmla="*/ 10302365 w 10526444"/>
              <a:gd name="connsiteY5" fmla="*/ 3684 h 5223286"/>
              <a:gd name="connsiteX6" fmla="*/ 10526444 w 10526444"/>
              <a:gd name="connsiteY6" fmla="*/ 227725 h 5223286"/>
              <a:gd name="connsiteX7" fmla="*/ 10526444 w 10526444"/>
              <a:gd name="connsiteY7" fmla="*/ 4999245 h 5223286"/>
              <a:gd name="connsiteX8" fmla="*/ 10302365 w 10526444"/>
              <a:gd name="connsiteY8" fmla="*/ 5223286 h 5223286"/>
              <a:gd name="connsiteX9" fmla="*/ 8662350 w 10526444"/>
              <a:gd name="connsiteY9" fmla="*/ 5223286 h 5223286"/>
              <a:gd name="connsiteX10" fmla="*/ 8438270 w 10526444"/>
              <a:gd name="connsiteY10" fmla="*/ 4999245 h 5223286"/>
              <a:gd name="connsiteX11" fmla="*/ 8438270 w 10526444"/>
              <a:gd name="connsiteY11" fmla="*/ 4292293 h 5223286"/>
              <a:gd name="connsiteX12" fmla="*/ 8022048 w 10526444"/>
              <a:gd name="connsiteY12" fmla="*/ 4177005 h 5223286"/>
              <a:gd name="connsiteX13" fmla="*/ 7459479 w 10526444"/>
              <a:gd name="connsiteY13" fmla="*/ 5114480 h 5223286"/>
              <a:gd name="connsiteX14" fmla="*/ 7267336 w 10526444"/>
              <a:gd name="connsiteY14" fmla="*/ 5223233 h 5223286"/>
              <a:gd name="connsiteX15" fmla="*/ 217658 w 10526444"/>
              <a:gd name="connsiteY15" fmla="*/ 5223233 h 5223286"/>
              <a:gd name="connsiteX16" fmla="*/ 15010 w 10526444"/>
              <a:gd name="connsiteY16" fmla="*/ 4999192 h 5223286"/>
              <a:gd name="connsiteX17" fmla="*/ 15011 w 10526444"/>
              <a:gd name="connsiteY17" fmla="*/ 3771014 h 5223286"/>
              <a:gd name="connsiteX18" fmla="*/ 53125 w 10526444"/>
              <a:gd name="connsiteY18" fmla="*/ 3605613 h 5223286"/>
              <a:gd name="connsiteX19" fmla="*/ 1267874 w 10526444"/>
              <a:gd name="connsiteY19" fmla="*/ 1594475 h 5223286"/>
              <a:gd name="connsiteX20" fmla="*/ 1417614 w 10526444"/>
              <a:gd name="connsiteY20" fmla="*/ 1501747 h 5223286"/>
              <a:gd name="connsiteX0" fmla="*/ 1417614 w 10526444"/>
              <a:gd name="connsiteY0" fmla="*/ 1501747 h 5223286"/>
              <a:gd name="connsiteX1" fmla="*/ 5539037 w 10526444"/>
              <a:gd name="connsiteY1" fmla="*/ 1501379 h 5223286"/>
              <a:gd name="connsiteX2" fmla="*/ 5660995 w 10526444"/>
              <a:gd name="connsiteY2" fmla="*/ 1419322 h 5223286"/>
              <a:gd name="connsiteX3" fmla="*/ 6449447 w 10526444"/>
              <a:gd name="connsiteY3" fmla="*/ 101268 h 5223286"/>
              <a:gd name="connsiteX4" fmla="*/ 6619803 w 10526444"/>
              <a:gd name="connsiteY4" fmla="*/ 31 h 5223286"/>
              <a:gd name="connsiteX5" fmla="*/ 10302365 w 10526444"/>
              <a:gd name="connsiteY5" fmla="*/ 3684 h 5223286"/>
              <a:gd name="connsiteX6" fmla="*/ 10526444 w 10526444"/>
              <a:gd name="connsiteY6" fmla="*/ 227725 h 5223286"/>
              <a:gd name="connsiteX7" fmla="*/ 10526444 w 10526444"/>
              <a:gd name="connsiteY7" fmla="*/ 4999245 h 5223286"/>
              <a:gd name="connsiteX8" fmla="*/ 10302365 w 10526444"/>
              <a:gd name="connsiteY8" fmla="*/ 5223286 h 5223286"/>
              <a:gd name="connsiteX9" fmla="*/ 8662350 w 10526444"/>
              <a:gd name="connsiteY9" fmla="*/ 5223286 h 5223286"/>
              <a:gd name="connsiteX10" fmla="*/ 8438270 w 10526444"/>
              <a:gd name="connsiteY10" fmla="*/ 4999245 h 5223286"/>
              <a:gd name="connsiteX11" fmla="*/ 8438270 w 10526444"/>
              <a:gd name="connsiteY11" fmla="*/ 4292293 h 5223286"/>
              <a:gd name="connsiteX12" fmla="*/ 8022048 w 10526444"/>
              <a:gd name="connsiteY12" fmla="*/ 4177005 h 5223286"/>
              <a:gd name="connsiteX13" fmla="*/ 7459479 w 10526444"/>
              <a:gd name="connsiteY13" fmla="*/ 5114480 h 5223286"/>
              <a:gd name="connsiteX14" fmla="*/ 7267336 w 10526444"/>
              <a:gd name="connsiteY14" fmla="*/ 5223233 h 5223286"/>
              <a:gd name="connsiteX15" fmla="*/ 217658 w 10526444"/>
              <a:gd name="connsiteY15" fmla="*/ 5223233 h 5223286"/>
              <a:gd name="connsiteX16" fmla="*/ 15010 w 10526444"/>
              <a:gd name="connsiteY16" fmla="*/ 4999192 h 5223286"/>
              <a:gd name="connsiteX17" fmla="*/ 15011 w 10526444"/>
              <a:gd name="connsiteY17" fmla="*/ 3771014 h 5223286"/>
              <a:gd name="connsiteX18" fmla="*/ 53125 w 10526444"/>
              <a:gd name="connsiteY18" fmla="*/ 3605613 h 5223286"/>
              <a:gd name="connsiteX19" fmla="*/ 1267874 w 10526444"/>
              <a:gd name="connsiteY19" fmla="*/ 1594475 h 5223286"/>
              <a:gd name="connsiteX20" fmla="*/ 1417614 w 10526444"/>
              <a:gd name="connsiteY20" fmla="*/ 1501747 h 5223286"/>
              <a:gd name="connsiteX0" fmla="*/ 1404915 w 10513745"/>
              <a:gd name="connsiteY0" fmla="*/ 1501747 h 5223286"/>
              <a:gd name="connsiteX1" fmla="*/ 5526338 w 10513745"/>
              <a:gd name="connsiteY1" fmla="*/ 1501379 h 5223286"/>
              <a:gd name="connsiteX2" fmla="*/ 5648296 w 10513745"/>
              <a:gd name="connsiteY2" fmla="*/ 1419322 h 5223286"/>
              <a:gd name="connsiteX3" fmla="*/ 6436748 w 10513745"/>
              <a:gd name="connsiteY3" fmla="*/ 101268 h 5223286"/>
              <a:gd name="connsiteX4" fmla="*/ 6607104 w 10513745"/>
              <a:gd name="connsiteY4" fmla="*/ 31 h 5223286"/>
              <a:gd name="connsiteX5" fmla="*/ 10289666 w 10513745"/>
              <a:gd name="connsiteY5" fmla="*/ 3684 h 5223286"/>
              <a:gd name="connsiteX6" fmla="*/ 10513745 w 10513745"/>
              <a:gd name="connsiteY6" fmla="*/ 227725 h 5223286"/>
              <a:gd name="connsiteX7" fmla="*/ 10513745 w 10513745"/>
              <a:gd name="connsiteY7" fmla="*/ 4999245 h 5223286"/>
              <a:gd name="connsiteX8" fmla="*/ 10289666 w 10513745"/>
              <a:gd name="connsiteY8" fmla="*/ 5223286 h 5223286"/>
              <a:gd name="connsiteX9" fmla="*/ 8649651 w 10513745"/>
              <a:gd name="connsiteY9" fmla="*/ 5223286 h 5223286"/>
              <a:gd name="connsiteX10" fmla="*/ 8425571 w 10513745"/>
              <a:gd name="connsiteY10" fmla="*/ 4999245 h 5223286"/>
              <a:gd name="connsiteX11" fmla="*/ 8425571 w 10513745"/>
              <a:gd name="connsiteY11" fmla="*/ 4292293 h 5223286"/>
              <a:gd name="connsiteX12" fmla="*/ 8009349 w 10513745"/>
              <a:gd name="connsiteY12" fmla="*/ 4177005 h 5223286"/>
              <a:gd name="connsiteX13" fmla="*/ 7446780 w 10513745"/>
              <a:gd name="connsiteY13" fmla="*/ 5114480 h 5223286"/>
              <a:gd name="connsiteX14" fmla="*/ 7254637 w 10513745"/>
              <a:gd name="connsiteY14" fmla="*/ 5223233 h 5223286"/>
              <a:gd name="connsiteX15" fmla="*/ 204959 w 10513745"/>
              <a:gd name="connsiteY15" fmla="*/ 5223233 h 5223286"/>
              <a:gd name="connsiteX16" fmla="*/ 2311 w 10513745"/>
              <a:gd name="connsiteY16" fmla="*/ 4999192 h 5223286"/>
              <a:gd name="connsiteX17" fmla="*/ 2312 w 10513745"/>
              <a:gd name="connsiteY17" fmla="*/ 3771014 h 5223286"/>
              <a:gd name="connsiteX18" fmla="*/ 40426 w 10513745"/>
              <a:gd name="connsiteY18" fmla="*/ 3605613 h 5223286"/>
              <a:gd name="connsiteX19" fmla="*/ 1255175 w 10513745"/>
              <a:gd name="connsiteY19" fmla="*/ 1594475 h 5223286"/>
              <a:gd name="connsiteX20" fmla="*/ 1404915 w 10513745"/>
              <a:gd name="connsiteY20" fmla="*/ 1501747 h 5223286"/>
              <a:gd name="connsiteX0" fmla="*/ 1404915 w 10513745"/>
              <a:gd name="connsiteY0" fmla="*/ 1501747 h 5223286"/>
              <a:gd name="connsiteX1" fmla="*/ 5526338 w 10513745"/>
              <a:gd name="connsiteY1" fmla="*/ 1501379 h 5223286"/>
              <a:gd name="connsiteX2" fmla="*/ 5648296 w 10513745"/>
              <a:gd name="connsiteY2" fmla="*/ 1419322 h 5223286"/>
              <a:gd name="connsiteX3" fmla="*/ 6436748 w 10513745"/>
              <a:gd name="connsiteY3" fmla="*/ 101268 h 5223286"/>
              <a:gd name="connsiteX4" fmla="*/ 6607104 w 10513745"/>
              <a:gd name="connsiteY4" fmla="*/ 31 h 5223286"/>
              <a:gd name="connsiteX5" fmla="*/ 10289666 w 10513745"/>
              <a:gd name="connsiteY5" fmla="*/ 3684 h 5223286"/>
              <a:gd name="connsiteX6" fmla="*/ 10513745 w 10513745"/>
              <a:gd name="connsiteY6" fmla="*/ 227725 h 5223286"/>
              <a:gd name="connsiteX7" fmla="*/ 10513745 w 10513745"/>
              <a:gd name="connsiteY7" fmla="*/ 4999245 h 5223286"/>
              <a:gd name="connsiteX8" fmla="*/ 10289666 w 10513745"/>
              <a:gd name="connsiteY8" fmla="*/ 5223286 h 5223286"/>
              <a:gd name="connsiteX9" fmla="*/ 8649651 w 10513745"/>
              <a:gd name="connsiteY9" fmla="*/ 5223286 h 5223286"/>
              <a:gd name="connsiteX10" fmla="*/ 8425571 w 10513745"/>
              <a:gd name="connsiteY10" fmla="*/ 4999245 h 5223286"/>
              <a:gd name="connsiteX11" fmla="*/ 8425571 w 10513745"/>
              <a:gd name="connsiteY11" fmla="*/ 4292293 h 5223286"/>
              <a:gd name="connsiteX12" fmla="*/ 8009349 w 10513745"/>
              <a:gd name="connsiteY12" fmla="*/ 4177005 h 5223286"/>
              <a:gd name="connsiteX13" fmla="*/ 7446780 w 10513745"/>
              <a:gd name="connsiteY13" fmla="*/ 5114480 h 5223286"/>
              <a:gd name="connsiteX14" fmla="*/ 7254637 w 10513745"/>
              <a:gd name="connsiteY14" fmla="*/ 5223233 h 5223286"/>
              <a:gd name="connsiteX15" fmla="*/ 204959 w 10513745"/>
              <a:gd name="connsiteY15" fmla="*/ 5223233 h 5223286"/>
              <a:gd name="connsiteX16" fmla="*/ 2311 w 10513745"/>
              <a:gd name="connsiteY16" fmla="*/ 4999192 h 5223286"/>
              <a:gd name="connsiteX17" fmla="*/ 2312 w 10513745"/>
              <a:gd name="connsiteY17" fmla="*/ 3771014 h 5223286"/>
              <a:gd name="connsiteX18" fmla="*/ 40426 w 10513745"/>
              <a:gd name="connsiteY18" fmla="*/ 3605613 h 5223286"/>
              <a:gd name="connsiteX19" fmla="*/ 1255175 w 10513745"/>
              <a:gd name="connsiteY19" fmla="*/ 1594475 h 5223286"/>
              <a:gd name="connsiteX20" fmla="*/ 1404915 w 10513745"/>
              <a:gd name="connsiteY20" fmla="*/ 1501747 h 5223286"/>
              <a:gd name="connsiteX0" fmla="*/ 1402798 w 10511628"/>
              <a:gd name="connsiteY0" fmla="*/ 1501747 h 5223286"/>
              <a:gd name="connsiteX1" fmla="*/ 5524221 w 10511628"/>
              <a:gd name="connsiteY1" fmla="*/ 1501379 h 5223286"/>
              <a:gd name="connsiteX2" fmla="*/ 5646179 w 10511628"/>
              <a:gd name="connsiteY2" fmla="*/ 1419322 h 5223286"/>
              <a:gd name="connsiteX3" fmla="*/ 6434631 w 10511628"/>
              <a:gd name="connsiteY3" fmla="*/ 101268 h 5223286"/>
              <a:gd name="connsiteX4" fmla="*/ 6604987 w 10511628"/>
              <a:gd name="connsiteY4" fmla="*/ 31 h 5223286"/>
              <a:gd name="connsiteX5" fmla="*/ 10287549 w 10511628"/>
              <a:gd name="connsiteY5" fmla="*/ 3684 h 5223286"/>
              <a:gd name="connsiteX6" fmla="*/ 10511628 w 10511628"/>
              <a:gd name="connsiteY6" fmla="*/ 227725 h 5223286"/>
              <a:gd name="connsiteX7" fmla="*/ 10511628 w 10511628"/>
              <a:gd name="connsiteY7" fmla="*/ 4999245 h 5223286"/>
              <a:gd name="connsiteX8" fmla="*/ 10287549 w 10511628"/>
              <a:gd name="connsiteY8" fmla="*/ 5223286 h 5223286"/>
              <a:gd name="connsiteX9" fmla="*/ 8647534 w 10511628"/>
              <a:gd name="connsiteY9" fmla="*/ 5223286 h 5223286"/>
              <a:gd name="connsiteX10" fmla="*/ 8423454 w 10511628"/>
              <a:gd name="connsiteY10" fmla="*/ 4999245 h 5223286"/>
              <a:gd name="connsiteX11" fmla="*/ 8423454 w 10511628"/>
              <a:gd name="connsiteY11" fmla="*/ 4292293 h 5223286"/>
              <a:gd name="connsiteX12" fmla="*/ 8007232 w 10511628"/>
              <a:gd name="connsiteY12" fmla="*/ 4177005 h 5223286"/>
              <a:gd name="connsiteX13" fmla="*/ 7444663 w 10511628"/>
              <a:gd name="connsiteY13" fmla="*/ 5114480 h 5223286"/>
              <a:gd name="connsiteX14" fmla="*/ 7252520 w 10511628"/>
              <a:gd name="connsiteY14" fmla="*/ 5223233 h 5223286"/>
              <a:gd name="connsiteX15" fmla="*/ 202842 w 10511628"/>
              <a:gd name="connsiteY15" fmla="*/ 5223233 h 5223286"/>
              <a:gd name="connsiteX16" fmla="*/ 194 w 10511628"/>
              <a:gd name="connsiteY16" fmla="*/ 4999192 h 5223286"/>
              <a:gd name="connsiteX17" fmla="*/ 195 w 10511628"/>
              <a:gd name="connsiteY17" fmla="*/ 3771014 h 5223286"/>
              <a:gd name="connsiteX18" fmla="*/ 38309 w 10511628"/>
              <a:gd name="connsiteY18" fmla="*/ 3605613 h 5223286"/>
              <a:gd name="connsiteX19" fmla="*/ 1253058 w 10511628"/>
              <a:gd name="connsiteY19" fmla="*/ 1594475 h 5223286"/>
              <a:gd name="connsiteX20" fmla="*/ 1402798 w 10511628"/>
              <a:gd name="connsiteY20" fmla="*/ 1501747 h 5223286"/>
              <a:gd name="connsiteX0" fmla="*/ 1402798 w 10511628"/>
              <a:gd name="connsiteY0" fmla="*/ 1501747 h 5223286"/>
              <a:gd name="connsiteX1" fmla="*/ 5524221 w 10511628"/>
              <a:gd name="connsiteY1" fmla="*/ 1501379 h 5223286"/>
              <a:gd name="connsiteX2" fmla="*/ 5646179 w 10511628"/>
              <a:gd name="connsiteY2" fmla="*/ 1419322 h 5223286"/>
              <a:gd name="connsiteX3" fmla="*/ 6434631 w 10511628"/>
              <a:gd name="connsiteY3" fmla="*/ 101268 h 5223286"/>
              <a:gd name="connsiteX4" fmla="*/ 6604987 w 10511628"/>
              <a:gd name="connsiteY4" fmla="*/ 31 h 5223286"/>
              <a:gd name="connsiteX5" fmla="*/ 10287549 w 10511628"/>
              <a:gd name="connsiteY5" fmla="*/ 3684 h 5223286"/>
              <a:gd name="connsiteX6" fmla="*/ 10511628 w 10511628"/>
              <a:gd name="connsiteY6" fmla="*/ 227725 h 5223286"/>
              <a:gd name="connsiteX7" fmla="*/ 10511628 w 10511628"/>
              <a:gd name="connsiteY7" fmla="*/ 4999245 h 5223286"/>
              <a:gd name="connsiteX8" fmla="*/ 10287549 w 10511628"/>
              <a:gd name="connsiteY8" fmla="*/ 5223286 h 5223286"/>
              <a:gd name="connsiteX9" fmla="*/ 8647534 w 10511628"/>
              <a:gd name="connsiteY9" fmla="*/ 5223286 h 5223286"/>
              <a:gd name="connsiteX10" fmla="*/ 8423454 w 10511628"/>
              <a:gd name="connsiteY10" fmla="*/ 4999245 h 5223286"/>
              <a:gd name="connsiteX11" fmla="*/ 8423454 w 10511628"/>
              <a:gd name="connsiteY11" fmla="*/ 4292293 h 5223286"/>
              <a:gd name="connsiteX12" fmla="*/ 8007232 w 10511628"/>
              <a:gd name="connsiteY12" fmla="*/ 4177005 h 5223286"/>
              <a:gd name="connsiteX13" fmla="*/ 7444663 w 10511628"/>
              <a:gd name="connsiteY13" fmla="*/ 5114480 h 5223286"/>
              <a:gd name="connsiteX14" fmla="*/ 7252520 w 10511628"/>
              <a:gd name="connsiteY14" fmla="*/ 5223233 h 5223286"/>
              <a:gd name="connsiteX15" fmla="*/ 202842 w 10511628"/>
              <a:gd name="connsiteY15" fmla="*/ 5223233 h 5223286"/>
              <a:gd name="connsiteX16" fmla="*/ 194 w 10511628"/>
              <a:gd name="connsiteY16" fmla="*/ 4999192 h 5223286"/>
              <a:gd name="connsiteX17" fmla="*/ 195 w 10511628"/>
              <a:gd name="connsiteY17" fmla="*/ 3771014 h 5223286"/>
              <a:gd name="connsiteX18" fmla="*/ 38309 w 10511628"/>
              <a:gd name="connsiteY18" fmla="*/ 3605613 h 5223286"/>
              <a:gd name="connsiteX19" fmla="*/ 1253058 w 10511628"/>
              <a:gd name="connsiteY19" fmla="*/ 1594475 h 5223286"/>
              <a:gd name="connsiteX20" fmla="*/ 1402798 w 10511628"/>
              <a:gd name="connsiteY20" fmla="*/ 1501747 h 5223286"/>
              <a:gd name="connsiteX0" fmla="*/ 1402798 w 10511628"/>
              <a:gd name="connsiteY0" fmla="*/ 1501747 h 5223286"/>
              <a:gd name="connsiteX1" fmla="*/ 5524221 w 10511628"/>
              <a:gd name="connsiteY1" fmla="*/ 1501379 h 5223286"/>
              <a:gd name="connsiteX2" fmla="*/ 5646179 w 10511628"/>
              <a:gd name="connsiteY2" fmla="*/ 1419322 h 5223286"/>
              <a:gd name="connsiteX3" fmla="*/ 6434631 w 10511628"/>
              <a:gd name="connsiteY3" fmla="*/ 101268 h 5223286"/>
              <a:gd name="connsiteX4" fmla="*/ 6604987 w 10511628"/>
              <a:gd name="connsiteY4" fmla="*/ 31 h 5223286"/>
              <a:gd name="connsiteX5" fmla="*/ 10287549 w 10511628"/>
              <a:gd name="connsiteY5" fmla="*/ 3684 h 5223286"/>
              <a:gd name="connsiteX6" fmla="*/ 10511628 w 10511628"/>
              <a:gd name="connsiteY6" fmla="*/ 227725 h 5223286"/>
              <a:gd name="connsiteX7" fmla="*/ 10511628 w 10511628"/>
              <a:gd name="connsiteY7" fmla="*/ 4999245 h 5223286"/>
              <a:gd name="connsiteX8" fmla="*/ 10287549 w 10511628"/>
              <a:gd name="connsiteY8" fmla="*/ 5223286 h 5223286"/>
              <a:gd name="connsiteX9" fmla="*/ 8647534 w 10511628"/>
              <a:gd name="connsiteY9" fmla="*/ 5223286 h 5223286"/>
              <a:gd name="connsiteX10" fmla="*/ 8423454 w 10511628"/>
              <a:gd name="connsiteY10" fmla="*/ 4999245 h 5223286"/>
              <a:gd name="connsiteX11" fmla="*/ 8423454 w 10511628"/>
              <a:gd name="connsiteY11" fmla="*/ 4292293 h 5223286"/>
              <a:gd name="connsiteX12" fmla="*/ 8007232 w 10511628"/>
              <a:gd name="connsiteY12" fmla="*/ 4177005 h 5223286"/>
              <a:gd name="connsiteX13" fmla="*/ 7444663 w 10511628"/>
              <a:gd name="connsiteY13" fmla="*/ 5114480 h 5223286"/>
              <a:gd name="connsiteX14" fmla="*/ 7252520 w 10511628"/>
              <a:gd name="connsiteY14" fmla="*/ 5223233 h 5223286"/>
              <a:gd name="connsiteX15" fmla="*/ 202842 w 10511628"/>
              <a:gd name="connsiteY15" fmla="*/ 5223233 h 5223286"/>
              <a:gd name="connsiteX16" fmla="*/ 194 w 10511628"/>
              <a:gd name="connsiteY16" fmla="*/ 4999192 h 5223286"/>
              <a:gd name="connsiteX17" fmla="*/ 195 w 10511628"/>
              <a:gd name="connsiteY17" fmla="*/ 3771014 h 5223286"/>
              <a:gd name="connsiteX18" fmla="*/ 38309 w 10511628"/>
              <a:gd name="connsiteY18" fmla="*/ 3605613 h 5223286"/>
              <a:gd name="connsiteX19" fmla="*/ 1253058 w 10511628"/>
              <a:gd name="connsiteY19" fmla="*/ 1594475 h 5223286"/>
              <a:gd name="connsiteX20" fmla="*/ 1402798 w 10511628"/>
              <a:gd name="connsiteY20" fmla="*/ 1501747 h 5223286"/>
              <a:gd name="connsiteX0" fmla="*/ 1405878 w 10514708"/>
              <a:gd name="connsiteY0" fmla="*/ 1501747 h 5223286"/>
              <a:gd name="connsiteX1" fmla="*/ 5527301 w 10514708"/>
              <a:gd name="connsiteY1" fmla="*/ 1501379 h 5223286"/>
              <a:gd name="connsiteX2" fmla="*/ 5649259 w 10514708"/>
              <a:gd name="connsiteY2" fmla="*/ 1419322 h 5223286"/>
              <a:gd name="connsiteX3" fmla="*/ 6437711 w 10514708"/>
              <a:gd name="connsiteY3" fmla="*/ 101268 h 5223286"/>
              <a:gd name="connsiteX4" fmla="*/ 6608067 w 10514708"/>
              <a:gd name="connsiteY4" fmla="*/ 31 h 5223286"/>
              <a:gd name="connsiteX5" fmla="*/ 10290629 w 10514708"/>
              <a:gd name="connsiteY5" fmla="*/ 3684 h 5223286"/>
              <a:gd name="connsiteX6" fmla="*/ 10514708 w 10514708"/>
              <a:gd name="connsiteY6" fmla="*/ 227725 h 5223286"/>
              <a:gd name="connsiteX7" fmla="*/ 10514708 w 10514708"/>
              <a:gd name="connsiteY7" fmla="*/ 4999245 h 5223286"/>
              <a:gd name="connsiteX8" fmla="*/ 10290629 w 10514708"/>
              <a:gd name="connsiteY8" fmla="*/ 5223286 h 5223286"/>
              <a:gd name="connsiteX9" fmla="*/ 8650614 w 10514708"/>
              <a:gd name="connsiteY9" fmla="*/ 5223286 h 5223286"/>
              <a:gd name="connsiteX10" fmla="*/ 8426534 w 10514708"/>
              <a:gd name="connsiteY10" fmla="*/ 4999245 h 5223286"/>
              <a:gd name="connsiteX11" fmla="*/ 8426534 w 10514708"/>
              <a:gd name="connsiteY11" fmla="*/ 4292293 h 5223286"/>
              <a:gd name="connsiteX12" fmla="*/ 8010312 w 10514708"/>
              <a:gd name="connsiteY12" fmla="*/ 4177005 h 5223286"/>
              <a:gd name="connsiteX13" fmla="*/ 7447743 w 10514708"/>
              <a:gd name="connsiteY13" fmla="*/ 5114480 h 5223286"/>
              <a:gd name="connsiteX14" fmla="*/ 7255600 w 10514708"/>
              <a:gd name="connsiteY14" fmla="*/ 5223233 h 5223286"/>
              <a:gd name="connsiteX15" fmla="*/ 205922 w 10514708"/>
              <a:gd name="connsiteY15" fmla="*/ 5223233 h 5223286"/>
              <a:gd name="connsiteX16" fmla="*/ 3274 w 10514708"/>
              <a:gd name="connsiteY16" fmla="*/ 4999192 h 5223286"/>
              <a:gd name="connsiteX17" fmla="*/ 3275 w 10514708"/>
              <a:gd name="connsiteY17" fmla="*/ 3771014 h 5223286"/>
              <a:gd name="connsiteX18" fmla="*/ 46151 w 10514708"/>
              <a:gd name="connsiteY18" fmla="*/ 3400825 h 5223286"/>
              <a:gd name="connsiteX19" fmla="*/ 1256138 w 10514708"/>
              <a:gd name="connsiteY19" fmla="*/ 1594475 h 5223286"/>
              <a:gd name="connsiteX20" fmla="*/ 1405878 w 10514708"/>
              <a:gd name="connsiteY20" fmla="*/ 1501747 h 5223286"/>
              <a:gd name="connsiteX0" fmla="*/ 1407714 w 10516544"/>
              <a:gd name="connsiteY0" fmla="*/ 1501747 h 5223286"/>
              <a:gd name="connsiteX1" fmla="*/ 5529137 w 10516544"/>
              <a:gd name="connsiteY1" fmla="*/ 1501379 h 5223286"/>
              <a:gd name="connsiteX2" fmla="*/ 5651095 w 10516544"/>
              <a:gd name="connsiteY2" fmla="*/ 1419322 h 5223286"/>
              <a:gd name="connsiteX3" fmla="*/ 6439547 w 10516544"/>
              <a:gd name="connsiteY3" fmla="*/ 101268 h 5223286"/>
              <a:gd name="connsiteX4" fmla="*/ 6609903 w 10516544"/>
              <a:gd name="connsiteY4" fmla="*/ 31 h 5223286"/>
              <a:gd name="connsiteX5" fmla="*/ 10292465 w 10516544"/>
              <a:gd name="connsiteY5" fmla="*/ 3684 h 5223286"/>
              <a:gd name="connsiteX6" fmla="*/ 10516544 w 10516544"/>
              <a:gd name="connsiteY6" fmla="*/ 227725 h 5223286"/>
              <a:gd name="connsiteX7" fmla="*/ 10516544 w 10516544"/>
              <a:gd name="connsiteY7" fmla="*/ 4999245 h 5223286"/>
              <a:gd name="connsiteX8" fmla="*/ 10292465 w 10516544"/>
              <a:gd name="connsiteY8" fmla="*/ 5223286 h 5223286"/>
              <a:gd name="connsiteX9" fmla="*/ 8652450 w 10516544"/>
              <a:gd name="connsiteY9" fmla="*/ 5223286 h 5223286"/>
              <a:gd name="connsiteX10" fmla="*/ 8428370 w 10516544"/>
              <a:gd name="connsiteY10" fmla="*/ 4999245 h 5223286"/>
              <a:gd name="connsiteX11" fmla="*/ 8428370 w 10516544"/>
              <a:gd name="connsiteY11" fmla="*/ 4292293 h 5223286"/>
              <a:gd name="connsiteX12" fmla="*/ 8012148 w 10516544"/>
              <a:gd name="connsiteY12" fmla="*/ 4177005 h 5223286"/>
              <a:gd name="connsiteX13" fmla="*/ 7449579 w 10516544"/>
              <a:gd name="connsiteY13" fmla="*/ 5114480 h 5223286"/>
              <a:gd name="connsiteX14" fmla="*/ 7257436 w 10516544"/>
              <a:gd name="connsiteY14" fmla="*/ 5223233 h 5223286"/>
              <a:gd name="connsiteX15" fmla="*/ 207758 w 10516544"/>
              <a:gd name="connsiteY15" fmla="*/ 5223233 h 5223286"/>
              <a:gd name="connsiteX16" fmla="*/ 5110 w 10516544"/>
              <a:gd name="connsiteY16" fmla="*/ 4999192 h 5223286"/>
              <a:gd name="connsiteX17" fmla="*/ 2730 w 10516544"/>
              <a:gd name="connsiteY17" fmla="*/ 3540033 h 5223286"/>
              <a:gd name="connsiteX18" fmla="*/ 47987 w 10516544"/>
              <a:gd name="connsiteY18" fmla="*/ 3400825 h 5223286"/>
              <a:gd name="connsiteX19" fmla="*/ 1257974 w 10516544"/>
              <a:gd name="connsiteY19" fmla="*/ 1594475 h 5223286"/>
              <a:gd name="connsiteX20" fmla="*/ 1407714 w 10516544"/>
              <a:gd name="connsiteY20" fmla="*/ 1501747 h 5223286"/>
              <a:gd name="connsiteX0" fmla="*/ 1407714 w 10516544"/>
              <a:gd name="connsiteY0" fmla="*/ 1501747 h 5223286"/>
              <a:gd name="connsiteX1" fmla="*/ 5529137 w 10516544"/>
              <a:gd name="connsiteY1" fmla="*/ 1501379 h 5223286"/>
              <a:gd name="connsiteX2" fmla="*/ 5651095 w 10516544"/>
              <a:gd name="connsiteY2" fmla="*/ 1419322 h 5223286"/>
              <a:gd name="connsiteX3" fmla="*/ 6439547 w 10516544"/>
              <a:gd name="connsiteY3" fmla="*/ 101268 h 5223286"/>
              <a:gd name="connsiteX4" fmla="*/ 6609903 w 10516544"/>
              <a:gd name="connsiteY4" fmla="*/ 31 h 5223286"/>
              <a:gd name="connsiteX5" fmla="*/ 10292465 w 10516544"/>
              <a:gd name="connsiteY5" fmla="*/ 3684 h 5223286"/>
              <a:gd name="connsiteX6" fmla="*/ 10516544 w 10516544"/>
              <a:gd name="connsiteY6" fmla="*/ 227725 h 5223286"/>
              <a:gd name="connsiteX7" fmla="*/ 10516544 w 10516544"/>
              <a:gd name="connsiteY7" fmla="*/ 4999245 h 5223286"/>
              <a:gd name="connsiteX8" fmla="*/ 10292465 w 10516544"/>
              <a:gd name="connsiteY8" fmla="*/ 5223286 h 5223286"/>
              <a:gd name="connsiteX9" fmla="*/ 8652450 w 10516544"/>
              <a:gd name="connsiteY9" fmla="*/ 5223286 h 5223286"/>
              <a:gd name="connsiteX10" fmla="*/ 8428370 w 10516544"/>
              <a:gd name="connsiteY10" fmla="*/ 4999245 h 5223286"/>
              <a:gd name="connsiteX11" fmla="*/ 8428370 w 10516544"/>
              <a:gd name="connsiteY11" fmla="*/ 4292293 h 5223286"/>
              <a:gd name="connsiteX12" fmla="*/ 8012148 w 10516544"/>
              <a:gd name="connsiteY12" fmla="*/ 4177005 h 5223286"/>
              <a:gd name="connsiteX13" fmla="*/ 7449579 w 10516544"/>
              <a:gd name="connsiteY13" fmla="*/ 5114480 h 5223286"/>
              <a:gd name="connsiteX14" fmla="*/ 7257436 w 10516544"/>
              <a:gd name="connsiteY14" fmla="*/ 5223233 h 5223286"/>
              <a:gd name="connsiteX15" fmla="*/ 207758 w 10516544"/>
              <a:gd name="connsiteY15" fmla="*/ 5223233 h 5223286"/>
              <a:gd name="connsiteX16" fmla="*/ 5110 w 10516544"/>
              <a:gd name="connsiteY16" fmla="*/ 4999192 h 5223286"/>
              <a:gd name="connsiteX17" fmla="*/ 2730 w 10516544"/>
              <a:gd name="connsiteY17" fmla="*/ 3540033 h 5223286"/>
              <a:gd name="connsiteX18" fmla="*/ 47987 w 10516544"/>
              <a:gd name="connsiteY18" fmla="*/ 3400825 h 5223286"/>
              <a:gd name="connsiteX19" fmla="*/ 1257974 w 10516544"/>
              <a:gd name="connsiteY19" fmla="*/ 1594475 h 5223286"/>
              <a:gd name="connsiteX20" fmla="*/ 1407714 w 10516544"/>
              <a:gd name="connsiteY20" fmla="*/ 1501747 h 5223286"/>
              <a:gd name="connsiteX0" fmla="*/ 1405697 w 10514527"/>
              <a:gd name="connsiteY0" fmla="*/ 1501747 h 5223286"/>
              <a:gd name="connsiteX1" fmla="*/ 5527120 w 10514527"/>
              <a:gd name="connsiteY1" fmla="*/ 1501379 h 5223286"/>
              <a:gd name="connsiteX2" fmla="*/ 5649078 w 10514527"/>
              <a:gd name="connsiteY2" fmla="*/ 1419322 h 5223286"/>
              <a:gd name="connsiteX3" fmla="*/ 6437530 w 10514527"/>
              <a:gd name="connsiteY3" fmla="*/ 101268 h 5223286"/>
              <a:gd name="connsiteX4" fmla="*/ 6607886 w 10514527"/>
              <a:gd name="connsiteY4" fmla="*/ 31 h 5223286"/>
              <a:gd name="connsiteX5" fmla="*/ 10290448 w 10514527"/>
              <a:gd name="connsiteY5" fmla="*/ 3684 h 5223286"/>
              <a:gd name="connsiteX6" fmla="*/ 10514527 w 10514527"/>
              <a:gd name="connsiteY6" fmla="*/ 227725 h 5223286"/>
              <a:gd name="connsiteX7" fmla="*/ 10514527 w 10514527"/>
              <a:gd name="connsiteY7" fmla="*/ 4999245 h 5223286"/>
              <a:gd name="connsiteX8" fmla="*/ 10290448 w 10514527"/>
              <a:gd name="connsiteY8" fmla="*/ 5223286 h 5223286"/>
              <a:gd name="connsiteX9" fmla="*/ 8650433 w 10514527"/>
              <a:gd name="connsiteY9" fmla="*/ 5223286 h 5223286"/>
              <a:gd name="connsiteX10" fmla="*/ 8426353 w 10514527"/>
              <a:gd name="connsiteY10" fmla="*/ 4999245 h 5223286"/>
              <a:gd name="connsiteX11" fmla="*/ 8426353 w 10514527"/>
              <a:gd name="connsiteY11" fmla="*/ 4292293 h 5223286"/>
              <a:gd name="connsiteX12" fmla="*/ 8010131 w 10514527"/>
              <a:gd name="connsiteY12" fmla="*/ 4177005 h 5223286"/>
              <a:gd name="connsiteX13" fmla="*/ 7447562 w 10514527"/>
              <a:gd name="connsiteY13" fmla="*/ 5114480 h 5223286"/>
              <a:gd name="connsiteX14" fmla="*/ 7255419 w 10514527"/>
              <a:gd name="connsiteY14" fmla="*/ 5223233 h 5223286"/>
              <a:gd name="connsiteX15" fmla="*/ 205741 w 10514527"/>
              <a:gd name="connsiteY15" fmla="*/ 5223233 h 5223286"/>
              <a:gd name="connsiteX16" fmla="*/ 3093 w 10514527"/>
              <a:gd name="connsiteY16" fmla="*/ 4999192 h 5223286"/>
              <a:gd name="connsiteX17" fmla="*/ 713 w 10514527"/>
              <a:gd name="connsiteY17" fmla="*/ 3540033 h 5223286"/>
              <a:gd name="connsiteX18" fmla="*/ 45970 w 10514527"/>
              <a:gd name="connsiteY18" fmla="*/ 3400825 h 5223286"/>
              <a:gd name="connsiteX19" fmla="*/ 1255957 w 10514527"/>
              <a:gd name="connsiteY19" fmla="*/ 1594475 h 5223286"/>
              <a:gd name="connsiteX20" fmla="*/ 1405697 w 10514527"/>
              <a:gd name="connsiteY20" fmla="*/ 1501747 h 5223286"/>
              <a:gd name="connsiteX0" fmla="*/ 1405697 w 10514527"/>
              <a:gd name="connsiteY0" fmla="*/ 1501747 h 5223286"/>
              <a:gd name="connsiteX1" fmla="*/ 5527120 w 10514527"/>
              <a:gd name="connsiteY1" fmla="*/ 1501379 h 5223286"/>
              <a:gd name="connsiteX2" fmla="*/ 5649078 w 10514527"/>
              <a:gd name="connsiteY2" fmla="*/ 1419322 h 5223286"/>
              <a:gd name="connsiteX3" fmla="*/ 6437530 w 10514527"/>
              <a:gd name="connsiteY3" fmla="*/ 101268 h 5223286"/>
              <a:gd name="connsiteX4" fmla="*/ 6607886 w 10514527"/>
              <a:gd name="connsiteY4" fmla="*/ 31 h 5223286"/>
              <a:gd name="connsiteX5" fmla="*/ 10290448 w 10514527"/>
              <a:gd name="connsiteY5" fmla="*/ 3684 h 5223286"/>
              <a:gd name="connsiteX6" fmla="*/ 10514527 w 10514527"/>
              <a:gd name="connsiteY6" fmla="*/ 227725 h 5223286"/>
              <a:gd name="connsiteX7" fmla="*/ 10514527 w 10514527"/>
              <a:gd name="connsiteY7" fmla="*/ 4999245 h 5223286"/>
              <a:gd name="connsiteX8" fmla="*/ 10290448 w 10514527"/>
              <a:gd name="connsiteY8" fmla="*/ 5223286 h 5223286"/>
              <a:gd name="connsiteX9" fmla="*/ 8650433 w 10514527"/>
              <a:gd name="connsiteY9" fmla="*/ 5223286 h 5223286"/>
              <a:gd name="connsiteX10" fmla="*/ 8426353 w 10514527"/>
              <a:gd name="connsiteY10" fmla="*/ 4999245 h 5223286"/>
              <a:gd name="connsiteX11" fmla="*/ 8426353 w 10514527"/>
              <a:gd name="connsiteY11" fmla="*/ 4292293 h 5223286"/>
              <a:gd name="connsiteX12" fmla="*/ 8010131 w 10514527"/>
              <a:gd name="connsiteY12" fmla="*/ 4177005 h 5223286"/>
              <a:gd name="connsiteX13" fmla="*/ 7447562 w 10514527"/>
              <a:gd name="connsiteY13" fmla="*/ 5114480 h 5223286"/>
              <a:gd name="connsiteX14" fmla="*/ 7255419 w 10514527"/>
              <a:gd name="connsiteY14" fmla="*/ 5223233 h 5223286"/>
              <a:gd name="connsiteX15" fmla="*/ 205741 w 10514527"/>
              <a:gd name="connsiteY15" fmla="*/ 5223233 h 5223286"/>
              <a:gd name="connsiteX16" fmla="*/ 3093 w 10514527"/>
              <a:gd name="connsiteY16" fmla="*/ 4999192 h 5223286"/>
              <a:gd name="connsiteX17" fmla="*/ 713 w 10514527"/>
              <a:gd name="connsiteY17" fmla="*/ 3568608 h 5223286"/>
              <a:gd name="connsiteX18" fmla="*/ 45970 w 10514527"/>
              <a:gd name="connsiteY18" fmla="*/ 3400825 h 5223286"/>
              <a:gd name="connsiteX19" fmla="*/ 1255957 w 10514527"/>
              <a:gd name="connsiteY19" fmla="*/ 1594475 h 5223286"/>
              <a:gd name="connsiteX20" fmla="*/ 1405697 w 10514527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44039 w 10512596"/>
              <a:gd name="connsiteY18" fmla="*/ 3400825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1254026 w 10512596"/>
              <a:gd name="connsiteY19" fmla="*/ 1594475 h 5223286"/>
              <a:gd name="connsiteX20" fmla="*/ 1403766 w 10512596"/>
              <a:gd name="connsiteY20" fmla="*/ 1501747 h 5223286"/>
              <a:gd name="connsiteX0" fmla="*/ 1403766 w 10512596"/>
              <a:gd name="connsiteY0" fmla="*/ 1501747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994469 w 10512596"/>
              <a:gd name="connsiteY19" fmla="*/ 1818312 h 5223286"/>
              <a:gd name="connsiteX20" fmla="*/ 1403766 w 10512596"/>
              <a:gd name="connsiteY20" fmla="*/ 1501747 h 5223286"/>
              <a:gd name="connsiteX0" fmla="*/ 1160879 w 10512596"/>
              <a:gd name="connsiteY0" fmla="*/ 1735110 h 5223286"/>
              <a:gd name="connsiteX1" fmla="*/ 5525189 w 10512596"/>
              <a:gd name="connsiteY1" fmla="*/ 15013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994469 w 10512596"/>
              <a:gd name="connsiteY19" fmla="*/ 1818312 h 5223286"/>
              <a:gd name="connsiteX20" fmla="*/ 1160879 w 10512596"/>
              <a:gd name="connsiteY20" fmla="*/ 1735110 h 5223286"/>
              <a:gd name="connsiteX0" fmla="*/ 1160879 w 10512596"/>
              <a:gd name="connsiteY0" fmla="*/ 1735110 h 5223286"/>
              <a:gd name="connsiteX1" fmla="*/ 5101326 w 10512596"/>
              <a:gd name="connsiteY1" fmla="*/ 1729979 h 5223286"/>
              <a:gd name="connsiteX2" fmla="*/ 5647147 w 10512596"/>
              <a:gd name="connsiteY2" fmla="*/ 1419322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994469 w 10512596"/>
              <a:gd name="connsiteY19" fmla="*/ 1818312 h 5223286"/>
              <a:gd name="connsiteX20" fmla="*/ 1160879 w 10512596"/>
              <a:gd name="connsiteY20" fmla="*/ 1735110 h 5223286"/>
              <a:gd name="connsiteX0" fmla="*/ 1160879 w 10512596"/>
              <a:gd name="connsiteY0" fmla="*/ 1735110 h 5223286"/>
              <a:gd name="connsiteX1" fmla="*/ 5101326 w 10512596"/>
              <a:gd name="connsiteY1" fmla="*/ 1729979 h 5223286"/>
              <a:gd name="connsiteX2" fmla="*/ 5332822 w 10512596"/>
              <a:gd name="connsiteY2" fmla="*/ 1497904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994469 w 10512596"/>
              <a:gd name="connsiteY19" fmla="*/ 1818312 h 5223286"/>
              <a:gd name="connsiteX20" fmla="*/ 1160879 w 10512596"/>
              <a:gd name="connsiteY20" fmla="*/ 1735110 h 5223286"/>
              <a:gd name="connsiteX0" fmla="*/ 1160879 w 10512596"/>
              <a:gd name="connsiteY0" fmla="*/ 1735110 h 5223286"/>
              <a:gd name="connsiteX1" fmla="*/ 5101326 w 10512596"/>
              <a:gd name="connsiteY1" fmla="*/ 1729979 h 5223286"/>
              <a:gd name="connsiteX2" fmla="*/ 5268528 w 10512596"/>
              <a:gd name="connsiteY2" fmla="*/ 1640779 h 5223286"/>
              <a:gd name="connsiteX3" fmla="*/ 6435599 w 10512596"/>
              <a:gd name="connsiteY3" fmla="*/ 101268 h 5223286"/>
              <a:gd name="connsiteX4" fmla="*/ 6605955 w 10512596"/>
              <a:gd name="connsiteY4" fmla="*/ 31 h 5223286"/>
              <a:gd name="connsiteX5" fmla="*/ 10288517 w 10512596"/>
              <a:gd name="connsiteY5" fmla="*/ 3684 h 5223286"/>
              <a:gd name="connsiteX6" fmla="*/ 10512596 w 10512596"/>
              <a:gd name="connsiteY6" fmla="*/ 227725 h 5223286"/>
              <a:gd name="connsiteX7" fmla="*/ 10512596 w 10512596"/>
              <a:gd name="connsiteY7" fmla="*/ 4999245 h 5223286"/>
              <a:gd name="connsiteX8" fmla="*/ 10288517 w 10512596"/>
              <a:gd name="connsiteY8" fmla="*/ 5223286 h 5223286"/>
              <a:gd name="connsiteX9" fmla="*/ 8648502 w 10512596"/>
              <a:gd name="connsiteY9" fmla="*/ 5223286 h 5223286"/>
              <a:gd name="connsiteX10" fmla="*/ 8424422 w 10512596"/>
              <a:gd name="connsiteY10" fmla="*/ 4999245 h 5223286"/>
              <a:gd name="connsiteX11" fmla="*/ 8424422 w 10512596"/>
              <a:gd name="connsiteY11" fmla="*/ 4292293 h 5223286"/>
              <a:gd name="connsiteX12" fmla="*/ 8008200 w 10512596"/>
              <a:gd name="connsiteY12" fmla="*/ 4177005 h 5223286"/>
              <a:gd name="connsiteX13" fmla="*/ 7445631 w 10512596"/>
              <a:gd name="connsiteY13" fmla="*/ 5114480 h 5223286"/>
              <a:gd name="connsiteX14" fmla="*/ 7253488 w 10512596"/>
              <a:gd name="connsiteY14" fmla="*/ 5223233 h 5223286"/>
              <a:gd name="connsiteX15" fmla="*/ 203810 w 10512596"/>
              <a:gd name="connsiteY15" fmla="*/ 5223233 h 5223286"/>
              <a:gd name="connsiteX16" fmla="*/ 1162 w 10512596"/>
              <a:gd name="connsiteY16" fmla="*/ 4999192 h 5223286"/>
              <a:gd name="connsiteX17" fmla="*/ 1164 w 10512596"/>
              <a:gd name="connsiteY17" fmla="*/ 3559083 h 5223286"/>
              <a:gd name="connsiteX18" fmla="*/ 67852 w 10512596"/>
              <a:gd name="connsiteY18" fmla="*/ 3357963 h 5223286"/>
              <a:gd name="connsiteX19" fmla="*/ 994469 w 10512596"/>
              <a:gd name="connsiteY19" fmla="*/ 1818312 h 5223286"/>
              <a:gd name="connsiteX20" fmla="*/ 1160879 w 10512596"/>
              <a:gd name="connsiteY20" fmla="*/ 1735110 h 5223286"/>
              <a:gd name="connsiteX0" fmla="*/ 1160879 w 10512596"/>
              <a:gd name="connsiteY0" fmla="*/ 1735161 h 5223337"/>
              <a:gd name="connsiteX1" fmla="*/ 5101326 w 10512596"/>
              <a:gd name="connsiteY1" fmla="*/ 1730030 h 5223337"/>
              <a:gd name="connsiteX2" fmla="*/ 5268528 w 10512596"/>
              <a:gd name="connsiteY2" fmla="*/ 1640830 h 5223337"/>
              <a:gd name="connsiteX3" fmla="*/ 6214142 w 10512596"/>
              <a:gd name="connsiteY3" fmla="*/ 79887 h 5223337"/>
              <a:gd name="connsiteX4" fmla="*/ 6605955 w 10512596"/>
              <a:gd name="connsiteY4" fmla="*/ 82 h 5223337"/>
              <a:gd name="connsiteX5" fmla="*/ 10288517 w 10512596"/>
              <a:gd name="connsiteY5" fmla="*/ 3735 h 5223337"/>
              <a:gd name="connsiteX6" fmla="*/ 10512596 w 10512596"/>
              <a:gd name="connsiteY6" fmla="*/ 227776 h 5223337"/>
              <a:gd name="connsiteX7" fmla="*/ 10512596 w 10512596"/>
              <a:gd name="connsiteY7" fmla="*/ 4999296 h 5223337"/>
              <a:gd name="connsiteX8" fmla="*/ 10288517 w 10512596"/>
              <a:gd name="connsiteY8" fmla="*/ 5223337 h 5223337"/>
              <a:gd name="connsiteX9" fmla="*/ 8648502 w 10512596"/>
              <a:gd name="connsiteY9" fmla="*/ 5223337 h 5223337"/>
              <a:gd name="connsiteX10" fmla="*/ 8424422 w 10512596"/>
              <a:gd name="connsiteY10" fmla="*/ 4999296 h 5223337"/>
              <a:gd name="connsiteX11" fmla="*/ 8424422 w 10512596"/>
              <a:gd name="connsiteY11" fmla="*/ 4292344 h 5223337"/>
              <a:gd name="connsiteX12" fmla="*/ 8008200 w 10512596"/>
              <a:gd name="connsiteY12" fmla="*/ 4177056 h 5223337"/>
              <a:gd name="connsiteX13" fmla="*/ 7445631 w 10512596"/>
              <a:gd name="connsiteY13" fmla="*/ 5114531 h 5223337"/>
              <a:gd name="connsiteX14" fmla="*/ 7253488 w 10512596"/>
              <a:gd name="connsiteY14" fmla="*/ 5223284 h 5223337"/>
              <a:gd name="connsiteX15" fmla="*/ 203810 w 10512596"/>
              <a:gd name="connsiteY15" fmla="*/ 5223284 h 5223337"/>
              <a:gd name="connsiteX16" fmla="*/ 1162 w 10512596"/>
              <a:gd name="connsiteY16" fmla="*/ 4999243 h 5223337"/>
              <a:gd name="connsiteX17" fmla="*/ 1164 w 10512596"/>
              <a:gd name="connsiteY17" fmla="*/ 3559134 h 5223337"/>
              <a:gd name="connsiteX18" fmla="*/ 67852 w 10512596"/>
              <a:gd name="connsiteY18" fmla="*/ 3358014 h 5223337"/>
              <a:gd name="connsiteX19" fmla="*/ 994469 w 10512596"/>
              <a:gd name="connsiteY19" fmla="*/ 1818363 h 5223337"/>
              <a:gd name="connsiteX20" fmla="*/ 1160879 w 10512596"/>
              <a:gd name="connsiteY20" fmla="*/ 1735161 h 5223337"/>
              <a:gd name="connsiteX0" fmla="*/ 1160879 w 10512596"/>
              <a:gd name="connsiteY0" fmla="*/ 1742276 h 5230452"/>
              <a:gd name="connsiteX1" fmla="*/ 5101326 w 10512596"/>
              <a:gd name="connsiteY1" fmla="*/ 1737145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94469 w 10512596"/>
              <a:gd name="connsiteY19" fmla="*/ 1825478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94469 w 10512596"/>
              <a:gd name="connsiteY19" fmla="*/ 1825478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94469 w 10512596"/>
              <a:gd name="connsiteY19" fmla="*/ 1825478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94469 w 10512596"/>
              <a:gd name="connsiteY19" fmla="*/ 1825478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60879 w 10512596"/>
              <a:gd name="connsiteY20" fmla="*/ 1742276 h 5230452"/>
              <a:gd name="connsiteX0" fmla="*/ 1160879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60879 w 10512596"/>
              <a:gd name="connsiteY20" fmla="*/ 1742276 h 5230452"/>
              <a:gd name="connsiteX0" fmla="*/ 1182310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82310 w 10512596"/>
              <a:gd name="connsiteY20" fmla="*/ 1742276 h 5230452"/>
              <a:gd name="connsiteX0" fmla="*/ 1182310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82310 w 10512596"/>
              <a:gd name="connsiteY20" fmla="*/ 1742276 h 5230452"/>
              <a:gd name="connsiteX0" fmla="*/ 1182310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82310 w 10512596"/>
              <a:gd name="connsiteY20" fmla="*/ 1742276 h 5230452"/>
              <a:gd name="connsiteX0" fmla="*/ 1182310 w 10512596"/>
              <a:gd name="connsiteY0" fmla="*/ 1742276 h 5230452"/>
              <a:gd name="connsiteX1" fmla="*/ 5101326 w 10512596"/>
              <a:gd name="connsiteY1" fmla="*/ 1744289 h 5230452"/>
              <a:gd name="connsiteX2" fmla="*/ 5268528 w 10512596"/>
              <a:gd name="connsiteY2" fmla="*/ 1647945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82310 w 10512596"/>
              <a:gd name="connsiteY20" fmla="*/ 1742276 h 5230452"/>
              <a:gd name="connsiteX0" fmla="*/ 1182310 w 10512596"/>
              <a:gd name="connsiteY0" fmla="*/ 1742276 h 5230452"/>
              <a:gd name="connsiteX1" fmla="*/ 5101326 w 10512596"/>
              <a:gd name="connsiteY1" fmla="*/ 1744289 h 5230452"/>
              <a:gd name="connsiteX2" fmla="*/ 5278053 w 10512596"/>
              <a:gd name="connsiteY2" fmla="*/ 1640801 h 5230452"/>
              <a:gd name="connsiteX3" fmla="*/ 6214142 w 10512596"/>
              <a:gd name="connsiteY3" fmla="*/ 87002 h 5230452"/>
              <a:gd name="connsiteX4" fmla="*/ 6394024 w 10512596"/>
              <a:gd name="connsiteY4" fmla="*/ 53 h 5230452"/>
              <a:gd name="connsiteX5" fmla="*/ 10288517 w 10512596"/>
              <a:gd name="connsiteY5" fmla="*/ 10850 h 5230452"/>
              <a:gd name="connsiteX6" fmla="*/ 10512596 w 10512596"/>
              <a:gd name="connsiteY6" fmla="*/ 234891 h 5230452"/>
              <a:gd name="connsiteX7" fmla="*/ 10512596 w 10512596"/>
              <a:gd name="connsiteY7" fmla="*/ 5006411 h 5230452"/>
              <a:gd name="connsiteX8" fmla="*/ 10288517 w 10512596"/>
              <a:gd name="connsiteY8" fmla="*/ 5230452 h 5230452"/>
              <a:gd name="connsiteX9" fmla="*/ 8648502 w 10512596"/>
              <a:gd name="connsiteY9" fmla="*/ 5230452 h 5230452"/>
              <a:gd name="connsiteX10" fmla="*/ 8424422 w 10512596"/>
              <a:gd name="connsiteY10" fmla="*/ 5006411 h 5230452"/>
              <a:gd name="connsiteX11" fmla="*/ 8424422 w 10512596"/>
              <a:gd name="connsiteY11" fmla="*/ 4299459 h 5230452"/>
              <a:gd name="connsiteX12" fmla="*/ 8008200 w 10512596"/>
              <a:gd name="connsiteY12" fmla="*/ 4184171 h 5230452"/>
              <a:gd name="connsiteX13" fmla="*/ 7445631 w 10512596"/>
              <a:gd name="connsiteY13" fmla="*/ 5121646 h 5230452"/>
              <a:gd name="connsiteX14" fmla="*/ 7253488 w 10512596"/>
              <a:gd name="connsiteY14" fmla="*/ 5230399 h 5230452"/>
              <a:gd name="connsiteX15" fmla="*/ 203810 w 10512596"/>
              <a:gd name="connsiteY15" fmla="*/ 5230399 h 5230452"/>
              <a:gd name="connsiteX16" fmla="*/ 1162 w 10512596"/>
              <a:gd name="connsiteY16" fmla="*/ 5006358 h 5230452"/>
              <a:gd name="connsiteX17" fmla="*/ 1164 w 10512596"/>
              <a:gd name="connsiteY17" fmla="*/ 3566249 h 5230452"/>
              <a:gd name="connsiteX18" fmla="*/ 67852 w 10512596"/>
              <a:gd name="connsiteY18" fmla="*/ 3365129 h 5230452"/>
              <a:gd name="connsiteX19" fmla="*/ 982563 w 10512596"/>
              <a:gd name="connsiteY19" fmla="*/ 1849290 h 5230452"/>
              <a:gd name="connsiteX20" fmla="*/ 1182310 w 10512596"/>
              <a:gd name="connsiteY20" fmla="*/ 1742276 h 5230452"/>
              <a:gd name="connsiteX0" fmla="*/ 1182310 w 10512596"/>
              <a:gd name="connsiteY0" fmla="*/ 1739904 h 5228080"/>
              <a:gd name="connsiteX1" fmla="*/ 5101326 w 10512596"/>
              <a:gd name="connsiteY1" fmla="*/ 1741917 h 5228080"/>
              <a:gd name="connsiteX2" fmla="*/ 5278053 w 10512596"/>
              <a:gd name="connsiteY2" fmla="*/ 1638429 h 5228080"/>
              <a:gd name="connsiteX3" fmla="*/ 6214142 w 10512596"/>
              <a:gd name="connsiteY3" fmla="*/ 84630 h 5228080"/>
              <a:gd name="connsiteX4" fmla="*/ 6405930 w 10512596"/>
              <a:gd name="connsiteY4" fmla="*/ 62 h 5228080"/>
              <a:gd name="connsiteX5" fmla="*/ 10288517 w 10512596"/>
              <a:gd name="connsiteY5" fmla="*/ 8478 h 5228080"/>
              <a:gd name="connsiteX6" fmla="*/ 10512596 w 10512596"/>
              <a:gd name="connsiteY6" fmla="*/ 232519 h 5228080"/>
              <a:gd name="connsiteX7" fmla="*/ 10512596 w 10512596"/>
              <a:gd name="connsiteY7" fmla="*/ 5004039 h 5228080"/>
              <a:gd name="connsiteX8" fmla="*/ 10288517 w 10512596"/>
              <a:gd name="connsiteY8" fmla="*/ 5228080 h 5228080"/>
              <a:gd name="connsiteX9" fmla="*/ 8648502 w 10512596"/>
              <a:gd name="connsiteY9" fmla="*/ 5228080 h 5228080"/>
              <a:gd name="connsiteX10" fmla="*/ 8424422 w 10512596"/>
              <a:gd name="connsiteY10" fmla="*/ 5004039 h 5228080"/>
              <a:gd name="connsiteX11" fmla="*/ 8424422 w 10512596"/>
              <a:gd name="connsiteY11" fmla="*/ 4297087 h 5228080"/>
              <a:gd name="connsiteX12" fmla="*/ 8008200 w 10512596"/>
              <a:gd name="connsiteY12" fmla="*/ 4181799 h 5228080"/>
              <a:gd name="connsiteX13" fmla="*/ 7445631 w 10512596"/>
              <a:gd name="connsiteY13" fmla="*/ 5119274 h 5228080"/>
              <a:gd name="connsiteX14" fmla="*/ 7253488 w 10512596"/>
              <a:gd name="connsiteY14" fmla="*/ 5228027 h 5228080"/>
              <a:gd name="connsiteX15" fmla="*/ 203810 w 10512596"/>
              <a:gd name="connsiteY15" fmla="*/ 5228027 h 5228080"/>
              <a:gd name="connsiteX16" fmla="*/ 1162 w 10512596"/>
              <a:gd name="connsiteY16" fmla="*/ 5003986 h 5228080"/>
              <a:gd name="connsiteX17" fmla="*/ 1164 w 10512596"/>
              <a:gd name="connsiteY17" fmla="*/ 3563877 h 5228080"/>
              <a:gd name="connsiteX18" fmla="*/ 67852 w 10512596"/>
              <a:gd name="connsiteY18" fmla="*/ 3362757 h 5228080"/>
              <a:gd name="connsiteX19" fmla="*/ 982563 w 10512596"/>
              <a:gd name="connsiteY19" fmla="*/ 1846918 h 5228080"/>
              <a:gd name="connsiteX20" fmla="*/ 1182310 w 10512596"/>
              <a:gd name="connsiteY20" fmla="*/ 1739904 h 5228080"/>
              <a:gd name="connsiteX0" fmla="*/ 1182310 w 10512596"/>
              <a:gd name="connsiteY0" fmla="*/ 1732798 h 5220974"/>
              <a:gd name="connsiteX1" fmla="*/ 5101326 w 10512596"/>
              <a:gd name="connsiteY1" fmla="*/ 1734811 h 5220974"/>
              <a:gd name="connsiteX2" fmla="*/ 5278053 w 10512596"/>
              <a:gd name="connsiteY2" fmla="*/ 1631323 h 5220974"/>
              <a:gd name="connsiteX3" fmla="*/ 6214142 w 10512596"/>
              <a:gd name="connsiteY3" fmla="*/ 77524 h 5220974"/>
              <a:gd name="connsiteX4" fmla="*/ 6398786 w 10512596"/>
              <a:gd name="connsiteY4" fmla="*/ 100 h 5220974"/>
              <a:gd name="connsiteX5" fmla="*/ 10288517 w 10512596"/>
              <a:gd name="connsiteY5" fmla="*/ 1372 h 5220974"/>
              <a:gd name="connsiteX6" fmla="*/ 10512596 w 10512596"/>
              <a:gd name="connsiteY6" fmla="*/ 225413 h 5220974"/>
              <a:gd name="connsiteX7" fmla="*/ 10512596 w 10512596"/>
              <a:gd name="connsiteY7" fmla="*/ 4996933 h 5220974"/>
              <a:gd name="connsiteX8" fmla="*/ 10288517 w 10512596"/>
              <a:gd name="connsiteY8" fmla="*/ 5220974 h 5220974"/>
              <a:gd name="connsiteX9" fmla="*/ 8648502 w 10512596"/>
              <a:gd name="connsiteY9" fmla="*/ 5220974 h 5220974"/>
              <a:gd name="connsiteX10" fmla="*/ 8424422 w 10512596"/>
              <a:gd name="connsiteY10" fmla="*/ 4996933 h 5220974"/>
              <a:gd name="connsiteX11" fmla="*/ 8424422 w 10512596"/>
              <a:gd name="connsiteY11" fmla="*/ 4289981 h 5220974"/>
              <a:gd name="connsiteX12" fmla="*/ 8008200 w 10512596"/>
              <a:gd name="connsiteY12" fmla="*/ 4174693 h 5220974"/>
              <a:gd name="connsiteX13" fmla="*/ 7445631 w 10512596"/>
              <a:gd name="connsiteY13" fmla="*/ 5112168 h 5220974"/>
              <a:gd name="connsiteX14" fmla="*/ 7253488 w 10512596"/>
              <a:gd name="connsiteY14" fmla="*/ 5220921 h 5220974"/>
              <a:gd name="connsiteX15" fmla="*/ 203810 w 10512596"/>
              <a:gd name="connsiteY15" fmla="*/ 5220921 h 5220974"/>
              <a:gd name="connsiteX16" fmla="*/ 1162 w 10512596"/>
              <a:gd name="connsiteY16" fmla="*/ 4996880 h 5220974"/>
              <a:gd name="connsiteX17" fmla="*/ 1164 w 10512596"/>
              <a:gd name="connsiteY17" fmla="*/ 3556771 h 5220974"/>
              <a:gd name="connsiteX18" fmla="*/ 67852 w 10512596"/>
              <a:gd name="connsiteY18" fmla="*/ 3355651 h 5220974"/>
              <a:gd name="connsiteX19" fmla="*/ 982563 w 10512596"/>
              <a:gd name="connsiteY19" fmla="*/ 1839812 h 5220974"/>
              <a:gd name="connsiteX20" fmla="*/ 1182310 w 10512596"/>
              <a:gd name="connsiteY20" fmla="*/ 1732798 h 5220974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214142 w 10512596"/>
              <a:gd name="connsiteY3" fmla="*/ 76152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4995561 h 5219602"/>
              <a:gd name="connsiteX8" fmla="*/ 10288517 w 10512596"/>
              <a:gd name="connsiteY8" fmla="*/ 5219602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195092 w 10512596"/>
              <a:gd name="connsiteY3" fmla="*/ 107108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4995561 h 5219602"/>
              <a:gd name="connsiteX8" fmla="*/ 10288517 w 10512596"/>
              <a:gd name="connsiteY8" fmla="*/ 5219602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195092 w 10512596"/>
              <a:gd name="connsiteY3" fmla="*/ 107108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4995561 h 5219602"/>
              <a:gd name="connsiteX8" fmla="*/ 10288517 w 10512596"/>
              <a:gd name="connsiteY8" fmla="*/ 5219602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195092 w 10512596"/>
              <a:gd name="connsiteY3" fmla="*/ 107108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4995561 h 5219602"/>
              <a:gd name="connsiteX8" fmla="*/ 10288517 w 10512596"/>
              <a:gd name="connsiteY8" fmla="*/ 5219602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195092 w 10512596"/>
              <a:gd name="connsiteY3" fmla="*/ 107108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3369167 h 5219602"/>
              <a:gd name="connsiteX8" fmla="*/ 10288517 w 10512596"/>
              <a:gd name="connsiteY8" fmla="*/ 5219602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29124"/>
              <a:gd name="connsiteY0" fmla="*/ 1731426 h 5219602"/>
              <a:gd name="connsiteX1" fmla="*/ 5101326 w 10529124"/>
              <a:gd name="connsiteY1" fmla="*/ 1733439 h 5219602"/>
              <a:gd name="connsiteX2" fmla="*/ 5278053 w 10529124"/>
              <a:gd name="connsiteY2" fmla="*/ 1629951 h 5219602"/>
              <a:gd name="connsiteX3" fmla="*/ 6195092 w 10529124"/>
              <a:gd name="connsiteY3" fmla="*/ 107108 h 5219602"/>
              <a:gd name="connsiteX4" fmla="*/ 6389261 w 10529124"/>
              <a:gd name="connsiteY4" fmla="*/ 3490 h 5219602"/>
              <a:gd name="connsiteX5" fmla="*/ 10288517 w 10529124"/>
              <a:gd name="connsiteY5" fmla="*/ 0 h 5219602"/>
              <a:gd name="connsiteX6" fmla="*/ 10512596 w 10529124"/>
              <a:gd name="connsiteY6" fmla="*/ 224041 h 5219602"/>
              <a:gd name="connsiteX7" fmla="*/ 10512596 w 10529124"/>
              <a:gd name="connsiteY7" fmla="*/ 3369167 h 5219602"/>
              <a:gd name="connsiteX8" fmla="*/ 10452823 w 10529124"/>
              <a:gd name="connsiteY8" fmla="*/ 3564633 h 5219602"/>
              <a:gd name="connsiteX9" fmla="*/ 8648502 w 10529124"/>
              <a:gd name="connsiteY9" fmla="*/ 5219602 h 5219602"/>
              <a:gd name="connsiteX10" fmla="*/ 8424422 w 10529124"/>
              <a:gd name="connsiteY10" fmla="*/ 4995561 h 5219602"/>
              <a:gd name="connsiteX11" fmla="*/ 8424422 w 10529124"/>
              <a:gd name="connsiteY11" fmla="*/ 4288609 h 5219602"/>
              <a:gd name="connsiteX12" fmla="*/ 8008200 w 10529124"/>
              <a:gd name="connsiteY12" fmla="*/ 4173321 h 5219602"/>
              <a:gd name="connsiteX13" fmla="*/ 7445631 w 10529124"/>
              <a:gd name="connsiteY13" fmla="*/ 5110796 h 5219602"/>
              <a:gd name="connsiteX14" fmla="*/ 7253488 w 10529124"/>
              <a:gd name="connsiteY14" fmla="*/ 5219549 h 5219602"/>
              <a:gd name="connsiteX15" fmla="*/ 203810 w 10529124"/>
              <a:gd name="connsiteY15" fmla="*/ 5219549 h 5219602"/>
              <a:gd name="connsiteX16" fmla="*/ 1162 w 10529124"/>
              <a:gd name="connsiteY16" fmla="*/ 4995508 h 5219602"/>
              <a:gd name="connsiteX17" fmla="*/ 1164 w 10529124"/>
              <a:gd name="connsiteY17" fmla="*/ 3555399 h 5219602"/>
              <a:gd name="connsiteX18" fmla="*/ 67852 w 10529124"/>
              <a:gd name="connsiteY18" fmla="*/ 3354279 h 5219602"/>
              <a:gd name="connsiteX19" fmla="*/ 982563 w 10529124"/>
              <a:gd name="connsiteY19" fmla="*/ 1838440 h 5219602"/>
              <a:gd name="connsiteX20" fmla="*/ 1182310 w 10529124"/>
              <a:gd name="connsiteY20" fmla="*/ 1731426 h 5219602"/>
              <a:gd name="connsiteX0" fmla="*/ 1182310 w 10512596"/>
              <a:gd name="connsiteY0" fmla="*/ 1731426 h 5219602"/>
              <a:gd name="connsiteX1" fmla="*/ 5101326 w 10512596"/>
              <a:gd name="connsiteY1" fmla="*/ 1733439 h 5219602"/>
              <a:gd name="connsiteX2" fmla="*/ 5278053 w 10512596"/>
              <a:gd name="connsiteY2" fmla="*/ 1629951 h 5219602"/>
              <a:gd name="connsiteX3" fmla="*/ 6195092 w 10512596"/>
              <a:gd name="connsiteY3" fmla="*/ 107108 h 5219602"/>
              <a:gd name="connsiteX4" fmla="*/ 6389261 w 10512596"/>
              <a:gd name="connsiteY4" fmla="*/ 3490 h 5219602"/>
              <a:gd name="connsiteX5" fmla="*/ 10288517 w 10512596"/>
              <a:gd name="connsiteY5" fmla="*/ 0 h 5219602"/>
              <a:gd name="connsiteX6" fmla="*/ 10512596 w 10512596"/>
              <a:gd name="connsiteY6" fmla="*/ 224041 h 5219602"/>
              <a:gd name="connsiteX7" fmla="*/ 10512596 w 10512596"/>
              <a:gd name="connsiteY7" fmla="*/ 3369167 h 5219602"/>
              <a:gd name="connsiteX8" fmla="*/ 10452823 w 10512596"/>
              <a:gd name="connsiteY8" fmla="*/ 3564633 h 5219602"/>
              <a:gd name="connsiteX9" fmla="*/ 8648502 w 10512596"/>
              <a:gd name="connsiteY9" fmla="*/ 5219602 h 5219602"/>
              <a:gd name="connsiteX10" fmla="*/ 8424422 w 10512596"/>
              <a:gd name="connsiteY10" fmla="*/ 4995561 h 5219602"/>
              <a:gd name="connsiteX11" fmla="*/ 8424422 w 10512596"/>
              <a:gd name="connsiteY11" fmla="*/ 4288609 h 5219602"/>
              <a:gd name="connsiteX12" fmla="*/ 8008200 w 10512596"/>
              <a:gd name="connsiteY12" fmla="*/ 4173321 h 5219602"/>
              <a:gd name="connsiteX13" fmla="*/ 7445631 w 10512596"/>
              <a:gd name="connsiteY13" fmla="*/ 5110796 h 5219602"/>
              <a:gd name="connsiteX14" fmla="*/ 7253488 w 10512596"/>
              <a:gd name="connsiteY14" fmla="*/ 5219549 h 5219602"/>
              <a:gd name="connsiteX15" fmla="*/ 203810 w 10512596"/>
              <a:gd name="connsiteY15" fmla="*/ 5219549 h 5219602"/>
              <a:gd name="connsiteX16" fmla="*/ 1162 w 10512596"/>
              <a:gd name="connsiteY16" fmla="*/ 4995508 h 5219602"/>
              <a:gd name="connsiteX17" fmla="*/ 1164 w 10512596"/>
              <a:gd name="connsiteY17" fmla="*/ 3555399 h 5219602"/>
              <a:gd name="connsiteX18" fmla="*/ 67852 w 10512596"/>
              <a:gd name="connsiteY18" fmla="*/ 3354279 h 5219602"/>
              <a:gd name="connsiteX19" fmla="*/ 982563 w 10512596"/>
              <a:gd name="connsiteY19" fmla="*/ 1838440 h 5219602"/>
              <a:gd name="connsiteX20" fmla="*/ 1182310 w 10512596"/>
              <a:gd name="connsiteY20" fmla="*/ 1731426 h 5219602"/>
              <a:gd name="connsiteX0" fmla="*/ 1182310 w 10512596"/>
              <a:gd name="connsiteY0" fmla="*/ 1731426 h 5219549"/>
              <a:gd name="connsiteX1" fmla="*/ 5101326 w 10512596"/>
              <a:gd name="connsiteY1" fmla="*/ 1733439 h 5219549"/>
              <a:gd name="connsiteX2" fmla="*/ 5278053 w 10512596"/>
              <a:gd name="connsiteY2" fmla="*/ 1629951 h 5219549"/>
              <a:gd name="connsiteX3" fmla="*/ 6195092 w 10512596"/>
              <a:gd name="connsiteY3" fmla="*/ 107108 h 5219549"/>
              <a:gd name="connsiteX4" fmla="*/ 6389261 w 10512596"/>
              <a:gd name="connsiteY4" fmla="*/ 3490 h 5219549"/>
              <a:gd name="connsiteX5" fmla="*/ 10288517 w 10512596"/>
              <a:gd name="connsiteY5" fmla="*/ 0 h 5219549"/>
              <a:gd name="connsiteX6" fmla="*/ 10512596 w 10512596"/>
              <a:gd name="connsiteY6" fmla="*/ 224041 h 5219549"/>
              <a:gd name="connsiteX7" fmla="*/ 10512596 w 10512596"/>
              <a:gd name="connsiteY7" fmla="*/ 3369167 h 5219549"/>
              <a:gd name="connsiteX8" fmla="*/ 10452823 w 10512596"/>
              <a:gd name="connsiteY8" fmla="*/ 3564633 h 5219549"/>
              <a:gd name="connsiteX9" fmla="*/ 9541470 w 10512596"/>
              <a:gd name="connsiteY9" fmla="*/ 5088634 h 5219549"/>
              <a:gd name="connsiteX10" fmla="*/ 8424422 w 10512596"/>
              <a:gd name="connsiteY10" fmla="*/ 4995561 h 5219549"/>
              <a:gd name="connsiteX11" fmla="*/ 8424422 w 10512596"/>
              <a:gd name="connsiteY11" fmla="*/ 4288609 h 5219549"/>
              <a:gd name="connsiteX12" fmla="*/ 8008200 w 10512596"/>
              <a:gd name="connsiteY12" fmla="*/ 4173321 h 5219549"/>
              <a:gd name="connsiteX13" fmla="*/ 7445631 w 10512596"/>
              <a:gd name="connsiteY13" fmla="*/ 5110796 h 5219549"/>
              <a:gd name="connsiteX14" fmla="*/ 7253488 w 10512596"/>
              <a:gd name="connsiteY14" fmla="*/ 5219549 h 5219549"/>
              <a:gd name="connsiteX15" fmla="*/ 203810 w 10512596"/>
              <a:gd name="connsiteY15" fmla="*/ 5219549 h 5219549"/>
              <a:gd name="connsiteX16" fmla="*/ 1162 w 10512596"/>
              <a:gd name="connsiteY16" fmla="*/ 4995508 h 5219549"/>
              <a:gd name="connsiteX17" fmla="*/ 1164 w 10512596"/>
              <a:gd name="connsiteY17" fmla="*/ 3555399 h 5219549"/>
              <a:gd name="connsiteX18" fmla="*/ 67852 w 10512596"/>
              <a:gd name="connsiteY18" fmla="*/ 3354279 h 5219549"/>
              <a:gd name="connsiteX19" fmla="*/ 982563 w 10512596"/>
              <a:gd name="connsiteY19" fmla="*/ 1838440 h 5219549"/>
              <a:gd name="connsiteX20" fmla="*/ 1182310 w 10512596"/>
              <a:gd name="connsiteY20" fmla="*/ 1731426 h 5219549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8347 w 10512596"/>
              <a:gd name="connsiteY10" fmla="*/ 5207492 h 5242645"/>
              <a:gd name="connsiteX11" fmla="*/ 8424422 w 10512596"/>
              <a:gd name="connsiteY11" fmla="*/ 4288609 h 5242645"/>
              <a:gd name="connsiteX12" fmla="*/ 8008200 w 10512596"/>
              <a:gd name="connsiteY12" fmla="*/ 4173321 h 5242645"/>
              <a:gd name="connsiteX13" fmla="*/ 7445631 w 10512596"/>
              <a:gd name="connsiteY13" fmla="*/ 5110796 h 5242645"/>
              <a:gd name="connsiteX14" fmla="*/ 7253488 w 10512596"/>
              <a:gd name="connsiteY14" fmla="*/ 5219549 h 5242645"/>
              <a:gd name="connsiteX15" fmla="*/ 203810 w 10512596"/>
              <a:gd name="connsiteY15" fmla="*/ 5219549 h 5242645"/>
              <a:gd name="connsiteX16" fmla="*/ 1162 w 10512596"/>
              <a:gd name="connsiteY16" fmla="*/ 4995508 h 5242645"/>
              <a:gd name="connsiteX17" fmla="*/ 1164 w 10512596"/>
              <a:gd name="connsiteY17" fmla="*/ 3555399 h 5242645"/>
              <a:gd name="connsiteX18" fmla="*/ 67852 w 10512596"/>
              <a:gd name="connsiteY18" fmla="*/ 3354279 h 5242645"/>
              <a:gd name="connsiteX19" fmla="*/ 982563 w 10512596"/>
              <a:gd name="connsiteY19" fmla="*/ 1838440 h 5242645"/>
              <a:gd name="connsiteX20" fmla="*/ 1182310 w 10512596"/>
              <a:gd name="connsiteY20" fmla="*/ 1731426 h 5242645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8347 w 10512596"/>
              <a:gd name="connsiteY10" fmla="*/ 5207492 h 5242645"/>
              <a:gd name="connsiteX11" fmla="*/ 8008200 w 10512596"/>
              <a:gd name="connsiteY11" fmla="*/ 4173321 h 5242645"/>
              <a:gd name="connsiteX12" fmla="*/ 7445631 w 10512596"/>
              <a:gd name="connsiteY12" fmla="*/ 5110796 h 5242645"/>
              <a:gd name="connsiteX13" fmla="*/ 7253488 w 10512596"/>
              <a:gd name="connsiteY13" fmla="*/ 5219549 h 5242645"/>
              <a:gd name="connsiteX14" fmla="*/ 203810 w 10512596"/>
              <a:gd name="connsiteY14" fmla="*/ 5219549 h 5242645"/>
              <a:gd name="connsiteX15" fmla="*/ 1162 w 10512596"/>
              <a:gd name="connsiteY15" fmla="*/ 4995508 h 5242645"/>
              <a:gd name="connsiteX16" fmla="*/ 1164 w 10512596"/>
              <a:gd name="connsiteY16" fmla="*/ 3555399 h 5242645"/>
              <a:gd name="connsiteX17" fmla="*/ 67852 w 10512596"/>
              <a:gd name="connsiteY17" fmla="*/ 3354279 h 5242645"/>
              <a:gd name="connsiteX18" fmla="*/ 982563 w 10512596"/>
              <a:gd name="connsiteY18" fmla="*/ 1838440 h 5242645"/>
              <a:gd name="connsiteX19" fmla="*/ 1182310 w 10512596"/>
              <a:gd name="connsiteY19" fmla="*/ 1731426 h 5242645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8347 w 10512596"/>
              <a:gd name="connsiteY10" fmla="*/ 5207492 h 5242645"/>
              <a:gd name="connsiteX11" fmla="*/ 7445631 w 10512596"/>
              <a:gd name="connsiteY11" fmla="*/ 5110796 h 5242645"/>
              <a:gd name="connsiteX12" fmla="*/ 7253488 w 10512596"/>
              <a:gd name="connsiteY12" fmla="*/ 5219549 h 5242645"/>
              <a:gd name="connsiteX13" fmla="*/ 203810 w 10512596"/>
              <a:gd name="connsiteY13" fmla="*/ 5219549 h 5242645"/>
              <a:gd name="connsiteX14" fmla="*/ 1162 w 10512596"/>
              <a:gd name="connsiteY14" fmla="*/ 4995508 h 5242645"/>
              <a:gd name="connsiteX15" fmla="*/ 1164 w 10512596"/>
              <a:gd name="connsiteY15" fmla="*/ 3555399 h 5242645"/>
              <a:gd name="connsiteX16" fmla="*/ 67852 w 10512596"/>
              <a:gd name="connsiteY16" fmla="*/ 3354279 h 5242645"/>
              <a:gd name="connsiteX17" fmla="*/ 982563 w 10512596"/>
              <a:gd name="connsiteY17" fmla="*/ 1838440 h 5242645"/>
              <a:gd name="connsiteX18" fmla="*/ 1182310 w 10512596"/>
              <a:gd name="connsiteY18" fmla="*/ 1731426 h 5242645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8347 w 10512596"/>
              <a:gd name="connsiteY10" fmla="*/ 5207492 h 5242645"/>
              <a:gd name="connsiteX11" fmla="*/ 7253488 w 10512596"/>
              <a:gd name="connsiteY11" fmla="*/ 5219549 h 5242645"/>
              <a:gd name="connsiteX12" fmla="*/ 203810 w 10512596"/>
              <a:gd name="connsiteY12" fmla="*/ 5219549 h 5242645"/>
              <a:gd name="connsiteX13" fmla="*/ 1162 w 10512596"/>
              <a:gd name="connsiteY13" fmla="*/ 4995508 h 5242645"/>
              <a:gd name="connsiteX14" fmla="*/ 1164 w 10512596"/>
              <a:gd name="connsiteY14" fmla="*/ 3555399 h 5242645"/>
              <a:gd name="connsiteX15" fmla="*/ 67852 w 10512596"/>
              <a:gd name="connsiteY15" fmla="*/ 3354279 h 5242645"/>
              <a:gd name="connsiteX16" fmla="*/ 982563 w 10512596"/>
              <a:gd name="connsiteY16" fmla="*/ 1838440 h 5242645"/>
              <a:gd name="connsiteX17" fmla="*/ 1182310 w 10512596"/>
              <a:gd name="connsiteY17" fmla="*/ 1731426 h 5242645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3584 w 10512596"/>
              <a:gd name="connsiteY10" fmla="*/ 5207492 h 5242645"/>
              <a:gd name="connsiteX11" fmla="*/ 7253488 w 10512596"/>
              <a:gd name="connsiteY11" fmla="*/ 5219549 h 5242645"/>
              <a:gd name="connsiteX12" fmla="*/ 203810 w 10512596"/>
              <a:gd name="connsiteY12" fmla="*/ 5219549 h 5242645"/>
              <a:gd name="connsiteX13" fmla="*/ 1162 w 10512596"/>
              <a:gd name="connsiteY13" fmla="*/ 4995508 h 5242645"/>
              <a:gd name="connsiteX14" fmla="*/ 1164 w 10512596"/>
              <a:gd name="connsiteY14" fmla="*/ 3555399 h 5242645"/>
              <a:gd name="connsiteX15" fmla="*/ 67852 w 10512596"/>
              <a:gd name="connsiteY15" fmla="*/ 3354279 h 5242645"/>
              <a:gd name="connsiteX16" fmla="*/ 982563 w 10512596"/>
              <a:gd name="connsiteY16" fmla="*/ 1838440 h 5242645"/>
              <a:gd name="connsiteX17" fmla="*/ 1182310 w 10512596"/>
              <a:gd name="connsiteY17" fmla="*/ 1731426 h 5242645"/>
              <a:gd name="connsiteX0" fmla="*/ 1182310 w 10512596"/>
              <a:gd name="connsiteY0" fmla="*/ 1731426 h 5242645"/>
              <a:gd name="connsiteX1" fmla="*/ 5101326 w 10512596"/>
              <a:gd name="connsiteY1" fmla="*/ 1733439 h 5242645"/>
              <a:gd name="connsiteX2" fmla="*/ 5278053 w 10512596"/>
              <a:gd name="connsiteY2" fmla="*/ 1629951 h 5242645"/>
              <a:gd name="connsiteX3" fmla="*/ 6195092 w 10512596"/>
              <a:gd name="connsiteY3" fmla="*/ 107108 h 5242645"/>
              <a:gd name="connsiteX4" fmla="*/ 6389261 w 10512596"/>
              <a:gd name="connsiteY4" fmla="*/ 3490 h 5242645"/>
              <a:gd name="connsiteX5" fmla="*/ 10288517 w 10512596"/>
              <a:gd name="connsiteY5" fmla="*/ 0 h 5242645"/>
              <a:gd name="connsiteX6" fmla="*/ 10512596 w 10512596"/>
              <a:gd name="connsiteY6" fmla="*/ 224041 h 5242645"/>
              <a:gd name="connsiteX7" fmla="*/ 10512596 w 10512596"/>
              <a:gd name="connsiteY7" fmla="*/ 3369167 h 5242645"/>
              <a:gd name="connsiteX8" fmla="*/ 10452823 w 10512596"/>
              <a:gd name="connsiteY8" fmla="*/ 3564633 h 5242645"/>
              <a:gd name="connsiteX9" fmla="*/ 9541470 w 10512596"/>
              <a:gd name="connsiteY9" fmla="*/ 5088634 h 5242645"/>
              <a:gd name="connsiteX10" fmla="*/ 9343584 w 10512596"/>
              <a:gd name="connsiteY10" fmla="*/ 5207492 h 5242645"/>
              <a:gd name="connsiteX11" fmla="*/ 203810 w 10512596"/>
              <a:gd name="connsiteY11" fmla="*/ 5219549 h 5242645"/>
              <a:gd name="connsiteX12" fmla="*/ 1162 w 10512596"/>
              <a:gd name="connsiteY12" fmla="*/ 4995508 h 5242645"/>
              <a:gd name="connsiteX13" fmla="*/ 1164 w 10512596"/>
              <a:gd name="connsiteY13" fmla="*/ 3555399 h 5242645"/>
              <a:gd name="connsiteX14" fmla="*/ 67852 w 10512596"/>
              <a:gd name="connsiteY14" fmla="*/ 3354279 h 5242645"/>
              <a:gd name="connsiteX15" fmla="*/ 982563 w 10512596"/>
              <a:gd name="connsiteY15" fmla="*/ 1838440 h 5242645"/>
              <a:gd name="connsiteX16" fmla="*/ 1182310 w 10512596"/>
              <a:gd name="connsiteY16" fmla="*/ 1731426 h 5242645"/>
              <a:gd name="connsiteX0" fmla="*/ 1182310 w 10512596"/>
              <a:gd name="connsiteY0" fmla="*/ 1731426 h 5249040"/>
              <a:gd name="connsiteX1" fmla="*/ 5101326 w 10512596"/>
              <a:gd name="connsiteY1" fmla="*/ 1733439 h 5249040"/>
              <a:gd name="connsiteX2" fmla="*/ 5278053 w 10512596"/>
              <a:gd name="connsiteY2" fmla="*/ 1629951 h 5249040"/>
              <a:gd name="connsiteX3" fmla="*/ 6195092 w 10512596"/>
              <a:gd name="connsiteY3" fmla="*/ 107108 h 5249040"/>
              <a:gd name="connsiteX4" fmla="*/ 6389261 w 10512596"/>
              <a:gd name="connsiteY4" fmla="*/ 3490 h 5249040"/>
              <a:gd name="connsiteX5" fmla="*/ 10288517 w 10512596"/>
              <a:gd name="connsiteY5" fmla="*/ 0 h 5249040"/>
              <a:gd name="connsiteX6" fmla="*/ 10512596 w 10512596"/>
              <a:gd name="connsiteY6" fmla="*/ 224041 h 5249040"/>
              <a:gd name="connsiteX7" fmla="*/ 10512596 w 10512596"/>
              <a:gd name="connsiteY7" fmla="*/ 3369167 h 5249040"/>
              <a:gd name="connsiteX8" fmla="*/ 10452823 w 10512596"/>
              <a:gd name="connsiteY8" fmla="*/ 3564633 h 5249040"/>
              <a:gd name="connsiteX9" fmla="*/ 9541470 w 10512596"/>
              <a:gd name="connsiteY9" fmla="*/ 5088634 h 5249040"/>
              <a:gd name="connsiteX10" fmla="*/ 9338822 w 10512596"/>
              <a:gd name="connsiteY10" fmla="*/ 5214635 h 5249040"/>
              <a:gd name="connsiteX11" fmla="*/ 203810 w 10512596"/>
              <a:gd name="connsiteY11" fmla="*/ 5219549 h 5249040"/>
              <a:gd name="connsiteX12" fmla="*/ 1162 w 10512596"/>
              <a:gd name="connsiteY12" fmla="*/ 4995508 h 5249040"/>
              <a:gd name="connsiteX13" fmla="*/ 1164 w 10512596"/>
              <a:gd name="connsiteY13" fmla="*/ 3555399 h 5249040"/>
              <a:gd name="connsiteX14" fmla="*/ 67852 w 10512596"/>
              <a:gd name="connsiteY14" fmla="*/ 3354279 h 5249040"/>
              <a:gd name="connsiteX15" fmla="*/ 982563 w 10512596"/>
              <a:gd name="connsiteY15" fmla="*/ 1838440 h 5249040"/>
              <a:gd name="connsiteX16" fmla="*/ 1182310 w 10512596"/>
              <a:gd name="connsiteY16" fmla="*/ 1731426 h 5249040"/>
              <a:gd name="connsiteX0" fmla="*/ 1182310 w 10512596"/>
              <a:gd name="connsiteY0" fmla="*/ 1731426 h 5249040"/>
              <a:gd name="connsiteX1" fmla="*/ 5101326 w 10512596"/>
              <a:gd name="connsiteY1" fmla="*/ 1733439 h 5249040"/>
              <a:gd name="connsiteX2" fmla="*/ 5278053 w 10512596"/>
              <a:gd name="connsiteY2" fmla="*/ 1629951 h 5249040"/>
              <a:gd name="connsiteX3" fmla="*/ 6195092 w 10512596"/>
              <a:gd name="connsiteY3" fmla="*/ 107108 h 5249040"/>
              <a:gd name="connsiteX4" fmla="*/ 6389261 w 10512596"/>
              <a:gd name="connsiteY4" fmla="*/ 3490 h 5249040"/>
              <a:gd name="connsiteX5" fmla="*/ 10288517 w 10512596"/>
              <a:gd name="connsiteY5" fmla="*/ 0 h 5249040"/>
              <a:gd name="connsiteX6" fmla="*/ 10512596 w 10512596"/>
              <a:gd name="connsiteY6" fmla="*/ 224041 h 5249040"/>
              <a:gd name="connsiteX7" fmla="*/ 10512596 w 10512596"/>
              <a:gd name="connsiteY7" fmla="*/ 3369167 h 5249040"/>
              <a:gd name="connsiteX8" fmla="*/ 10452823 w 10512596"/>
              <a:gd name="connsiteY8" fmla="*/ 3564633 h 5249040"/>
              <a:gd name="connsiteX9" fmla="*/ 9541470 w 10512596"/>
              <a:gd name="connsiteY9" fmla="*/ 5088634 h 5249040"/>
              <a:gd name="connsiteX10" fmla="*/ 9329297 w 10512596"/>
              <a:gd name="connsiteY10" fmla="*/ 5214635 h 5249040"/>
              <a:gd name="connsiteX11" fmla="*/ 203810 w 10512596"/>
              <a:gd name="connsiteY11" fmla="*/ 5219549 h 5249040"/>
              <a:gd name="connsiteX12" fmla="*/ 1162 w 10512596"/>
              <a:gd name="connsiteY12" fmla="*/ 4995508 h 5249040"/>
              <a:gd name="connsiteX13" fmla="*/ 1164 w 10512596"/>
              <a:gd name="connsiteY13" fmla="*/ 3555399 h 5249040"/>
              <a:gd name="connsiteX14" fmla="*/ 67852 w 10512596"/>
              <a:gd name="connsiteY14" fmla="*/ 3354279 h 5249040"/>
              <a:gd name="connsiteX15" fmla="*/ 982563 w 10512596"/>
              <a:gd name="connsiteY15" fmla="*/ 1838440 h 5249040"/>
              <a:gd name="connsiteX16" fmla="*/ 1182310 w 10512596"/>
              <a:gd name="connsiteY16" fmla="*/ 1731426 h 5249040"/>
              <a:gd name="connsiteX0" fmla="*/ 1182310 w 10512596"/>
              <a:gd name="connsiteY0" fmla="*/ 1731426 h 5255466"/>
              <a:gd name="connsiteX1" fmla="*/ 5101326 w 10512596"/>
              <a:gd name="connsiteY1" fmla="*/ 1733439 h 5255466"/>
              <a:gd name="connsiteX2" fmla="*/ 5278053 w 10512596"/>
              <a:gd name="connsiteY2" fmla="*/ 1629951 h 5255466"/>
              <a:gd name="connsiteX3" fmla="*/ 6195092 w 10512596"/>
              <a:gd name="connsiteY3" fmla="*/ 107108 h 5255466"/>
              <a:gd name="connsiteX4" fmla="*/ 6389261 w 10512596"/>
              <a:gd name="connsiteY4" fmla="*/ 3490 h 5255466"/>
              <a:gd name="connsiteX5" fmla="*/ 10288517 w 10512596"/>
              <a:gd name="connsiteY5" fmla="*/ 0 h 5255466"/>
              <a:gd name="connsiteX6" fmla="*/ 10512596 w 10512596"/>
              <a:gd name="connsiteY6" fmla="*/ 224041 h 5255466"/>
              <a:gd name="connsiteX7" fmla="*/ 10512596 w 10512596"/>
              <a:gd name="connsiteY7" fmla="*/ 3369167 h 5255466"/>
              <a:gd name="connsiteX8" fmla="*/ 10452823 w 10512596"/>
              <a:gd name="connsiteY8" fmla="*/ 3564633 h 5255466"/>
              <a:gd name="connsiteX9" fmla="*/ 9541470 w 10512596"/>
              <a:gd name="connsiteY9" fmla="*/ 5088634 h 5255466"/>
              <a:gd name="connsiteX10" fmla="*/ 9334059 w 10512596"/>
              <a:gd name="connsiteY10" fmla="*/ 5221779 h 5255466"/>
              <a:gd name="connsiteX11" fmla="*/ 203810 w 10512596"/>
              <a:gd name="connsiteY11" fmla="*/ 5219549 h 5255466"/>
              <a:gd name="connsiteX12" fmla="*/ 1162 w 10512596"/>
              <a:gd name="connsiteY12" fmla="*/ 4995508 h 5255466"/>
              <a:gd name="connsiteX13" fmla="*/ 1164 w 10512596"/>
              <a:gd name="connsiteY13" fmla="*/ 3555399 h 5255466"/>
              <a:gd name="connsiteX14" fmla="*/ 67852 w 10512596"/>
              <a:gd name="connsiteY14" fmla="*/ 3354279 h 5255466"/>
              <a:gd name="connsiteX15" fmla="*/ 982563 w 10512596"/>
              <a:gd name="connsiteY15" fmla="*/ 1838440 h 5255466"/>
              <a:gd name="connsiteX16" fmla="*/ 1182310 w 10512596"/>
              <a:gd name="connsiteY16" fmla="*/ 1731426 h 5255466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52823 w 10512596"/>
              <a:gd name="connsiteY8" fmla="*/ 3564633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52823 w 10512596"/>
              <a:gd name="connsiteY8" fmla="*/ 3564633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52823 w 10512596"/>
              <a:gd name="connsiteY8" fmla="*/ 3564633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52823 w 10512596"/>
              <a:gd name="connsiteY8" fmla="*/ 3564633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3311"/>
              <a:gd name="connsiteY0" fmla="*/ 1731426 h 5221779"/>
              <a:gd name="connsiteX1" fmla="*/ 5101326 w 10513311"/>
              <a:gd name="connsiteY1" fmla="*/ 1733439 h 5221779"/>
              <a:gd name="connsiteX2" fmla="*/ 5278053 w 10513311"/>
              <a:gd name="connsiteY2" fmla="*/ 1629951 h 5221779"/>
              <a:gd name="connsiteX3" fmla="*/ 6195092 w 10513311"/>
              <a:gd name="connsiteY3" fmla="*/ 107108 h 5221779"/>
              <a:gd name="connsiteX4" fmla="*/ 6389261 w 10513311"/>
              <a:gd name="connsiteY4" fmla="*/ 3490 h 5221779"/>
              <a:gd name="connsiteX5" fmla="*/ 10288517 w 10513311"/>
              <a:gd name="connsiteY5" fmla="*/ 0 h 5221779"/>
              <a:gd name="connsiteX6" fmla="*/ 10512596 w 10513311"/>
              <a:gd name="connsiteY6" fmla="*/ 224041 h 5221779"/>
              <a:gd name="connsiteX7" fmla="*/ 10512596 w 10513311"/>
              <a:gd name="connsiteY7" fmla="*/ 3369167 h 5221779"/>
              <a:gd name="connsiteX8" fmla="*/ 10474254 w 10513311"/>
              <a:gd name="connsiteY8" fmla="*/ 3524152 h 5221779"/>
              <a:gd name="connsiteX9" fmla="*/ 9541470 w 10513311"/>
              <a:gd name="connsiteY9" fmla="*/ 5088634 h 5221779"/>
              <a:gd name="connsiteX10" fmla="*/ 9334059 w 10513311"/>
              <a:gd name="connsiteY10" fmla="*/ 5221779 h 5221779"/>
              <a:gd name="connsiteX11" fmla="*/ 203810 w 10513311"/>
              <a:gd name="connsiteY11" fmla="*/ 5219549 h 5221779"/>
              <a:gd name="connsiteX12" fmla="*/ 1162 w 10513311"/>
              <a:gd name="connsiteY12" fmla="*/ 4995508 h 5221779"/>
              <a:gd name="connsiteX13" fmla="*/ 1164 w 10513311"/>
              <a:gd name="connsiteY13" fmla="*/ 3555399 h 5221779"/>
              <a:gd name="connsiteX14" fmla="*/ 67852 w 10513311"/>
              <a:gd name="connsiteY14" fmla="*/ 3354279 h 5221779"/>
              <a:gd name="connsiteX15" fmla="*/ 982563 w 10513311"/>
              <a:gd name="connsiteY15" fmla="*/ 1838440 h 5221779"/>
              <a:gd name="connsiteX16" fmla="*/ 1182310 w 10513311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74254 w 10512596"/>
              <a:gd name="connsiteY8" fmla="*/ 3524152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74254 w 10512596"/>
              <a:gd name="connsiteY8" fmla="*/ 3524152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74254 w 10512596"/>
              <a:gd name="connsiteY8" fmla="*/ 3524152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74254 w 10512596"/>
              <a:gd name="connsiteY8" fmla="*/ 3524152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  <a:gd name="connsiteX0" fmla="*/ 1182310 w 10512596"/>
              <a:gd name="connsiteY0" fmla="*/ 1731426 h 5221779"/>
              <a:gd name="connsiteX1" fmla="*/ 5101326 w 10512596"/>
              <a:gd name="connsiteY1" fmla="*/ 1733439 h 5221779"/>
              <a:gd name="connsiteX2" fmla="*/ 5278053 w 10512596"/>
              <a:gd name="connsiteY2" fmla="*/ 1629951 h 5221779"/>
              <a:gd name="connsiteX3" fmla="*/ 6195092 w 10512596"/>
              <a:gd name="connsiteY3" fmla="*/ 107108 h 5221779"/>
              <a:gd name="connsiteX4" fmla="*/ 6389261 w 10512596"/>
              <a:gd name="connsiteY4" fmla="*/ 3490 h 5221779"/>
              <a:gd name="connsiteX5" fmla="*/ 10288517 w 10512596"/>
              <a:gd name="connsiteY5" fmla="*/ 0 h 5221779"/>
              <a:gd name="connsiteX6" fmla="*/ 10512596 w 10512596"/>
              <a:gd name="connsiteY6" fmla="*/ 224041 h 5221779"/>
              <a:gd name="connsiteX7" fmla="*/ 10512596 w 10512596"/>
              <a:gd name="connsiteY7" fmla="*/ 3369167 h 5221779"/>
              <a:gd name="connsiteX8" fmla="*/ 10474254 w 10512596"/>
              <a:gd name="connsiteY8" fmla="*/ 3524152 h 5221779"/>
              <a:gd name="connsiteX9" fmla="*/ 9541470 w 10512596"/>
              <a:gd name="connsiteY9" fmla="*/ 5088634 h 5221779"/>
              <a:gd name="connsiteX10" fmla="*/ 9334059 w 10512596"/>
              <a:gd name="connsiteY10" fmla="*/ 5221779 h 5221779"/>
              <a:gd name="connsiteX11" fmla="*/ 203810 w 10512596"/>
              <a:gd name="connsiteY11" fmla="*/ 5219549 h 5221779"/>
              <a:gd name="connsiteX12" fmla="*/ 1162 w 10512596"/>
              <a:gd name="connsiteY12" fmla="*/ 4995508 h 5221779"/>
              <a:gd name="connsiteX13" fmla="*/ 1164 w 10512596"/>
              <a:gd name="connsiteY13" fmla="*/ 3555399 h 5221779"/>
              <a:gd name="connsiteX14" fmla="*/ 67852 w 10512596"/>
              <a:gd name="connsiteY14" fmla="*/ 3354279 h 5221779"/>
              <a:gd name="connsiteX15" fmla="*/ 982563 w 10512596"/>
              <a:gd name="connsiteY15" fmla="*/ 1838440 h 5221779"/>
              <a:gd name="connsiteX16" fmla="*/ 1182310 w 10512596"/>
              <a:gd name="connsiteY16" fmla="*/ 1731426 h 522177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0512596" h="5221779">
                <a:moveTo>
                  <a:pt x="1182310" y="1731426"/>
                </a:moveTo>
                <a:lnTo>
                  <a:pt x="5101326" y="1733439"/>
                </a:lnTo>
                <a:cubicBezTo>
                  <a:pt x="5187759" y="1731379"/>
                  <a:pt x="5236735" y="1693215"/>
                  <a:pt x="5278053" y="1629951"/>
                </a:cubicBezTo>
                <a:lnTo>
                  <a:pt x="6195092" y="107108"/>
                </a:lnTo>
                <a:cubicBezTo>
                  <a:pt x="6241559" y="32087"/>
                  <a:pt x="6288024" y="4692"/>
                  <a:pt x="6389261" y="3490"/>
                </a:cubicBezTo>
                <a:lnTo>
                  <a:pt x="10288517" y="0"/>
                </a:lnTo>
                <a:cubicBezTo>
                  <a:pt x="10412256" y="0"/>
                  <a:pt x="10512596" y="100323"/>
                  <a:pt x="10512596" y="224041"/>
                </a:cubicBezTo>
                <a:lnTo>
                  <a:pt x="10512596" y="3369167"/>
                </a:lnTo>
                <a:cubicBezTo>
                  <a:pt x="10512596" y="3440497"/>
                  <a:pt x="10500363" y="3471764"/>
                  <a:pt x="10474254" y="3524152"/>
                </a:cubicBezTo>
                <a:lnTo>
                  <a:pt x="9541470" y="5088634"/>
                </a:lnTo>
                <a:cubicBezTo>
                  <a:pt x="9484406" y="5174359"/>
                  <a:pt x="9438834" y="5221672"/>
                  <a:pt x="9334059" y="5221779"/>
                </a:cubicBezTo>
                <a:lnTo>
                  <a:pt x="203810" y="5219549"/>
                </a:lnTo>
                <a:cubicBezTo>
                  <a:pt x="87215" y="5214786"/>
                  <a:pt x="2474" y="5126579"/>
                  <a:pt x="1162" y="4995508"/>
                </a:cubicBezTo>
                <a:cubicBezTo>
                  <a:pt x="726" y="4489153"/>
                  <a:pt x="-1220" y="4036106"/>
                  <a:pt x="1164" y="3555399"/>
                </a:cubicBezTo>
                <a:cubicBezTo>
                  <a:pt x="1166" y="3458074"/>
                  <a:pt x="17933" y="3437527"/>
                  <a:pt x="67852" y="3354279"/>
                </a:cubicBezTo>
                <a:lnTo>
                  <a:pt x="982563" y="1838440"/>
                </a:lnTo>
                <a:cubicBezTo>
                  <a:pt x="1029400" y="1761036"/>
                  <a:pt x="1085889" y="1728850"/>
                  <a:pt x="1182310" y="1731426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41" name="Bilde 40">
            <a:extLst>
              <a:ext uri="{FF2B5EF4-FFF2-40B4-BE49-F238E27FC236}">
                <a16:creationId xmlns:a16="http://schemas.microsoft.com/office/drawing/2014/main" id="{59A61231-5D90-F084-BD09-FB9296AC37C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2" name="Bilde 1">
            <a:extLst>
              <a:ext uri="{FF2B5EF4-FFF2-40B4-BE49-F238E27FC236}">
                <a16:creationId xmlns:a16="http://schemas.microsoft.com/office/drawing/2014/main" id="{66610516-372A-CA83-1108-F35E2EB4F34E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rcRect/>
          <a:stretch/>
        </p:blipFill>
        <p:spPr>
          <a:xfrm>
            <a:off x="1020649" y="985723"/>
            <a:ext cx="5058045" cy="1675899"/>
          </a:xfrm>
          <a:prstGeom prst="rect">
            <a:avLst/>
          </a:prstGeom>
        </p:spPr>
      </p:pic>
      <p:pic>
        <p:nvPicPr>
          <p:cNvPr id="3" name="Bilde 2">
            <a:extLst>
              <a:ext uri="{FF2B5EF4-FFF2-40B4-BE49-F238E27FC236}">
                <a16:creationId xmlns:a16="http://schemas.microsoft.com/office/drawing/2014/main" id="{92F8E0BA-A53A-39A4-08C6-A3D8916DC37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141224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5">
            <a:extLst>
              <a:ext uri="{FF2B5EF4-FFF2-40B4-BE49-F238E27FC236}">
                <a16:creationId xmlns:a16="http://schemas.microsoft.com/office/drawing/2014/main" id="{8F3FE7BC-CCDA-25E1-31CE-556CF758717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38199" y="818284"/>
            <a:ext cx="10511434" cy="5219602"/>
          </a:xfrm>
          <a:custGeom>
            <a:avLst/>
            <a:gdLst>
              <a:gd name="connsiteX0" fmla="*/ 1170935 w 10511434"/>
              <a:gd name="connsiteY0" fmla="*/ 0 h 5219602"/>
              <a:gd name="connsiteX1" fmla="*/ 10287355 w 10511434"/>
              <a:gd name="connsiteY1" fmla="*/ 0 h 5219602"/>
              <a:gd name="connsiteX2" fmla="*/ 10511434 w 10511434"/>
              <a:gd name="connsiteY2" fmla="*/ 224041 h 5219602"/>
              <a:gd name="connsiteX3" fmla="*/ 10511434 w 10511434"/>
              <a:gd name="connsiteY3" fmla="*/ 4995561 h 5219602"/>
              <a:gd name="connsiteX4" fmla="*/ 10287355 w 10511434"/>
              <a:gd name="connsiteY4" fmla="*/ 5219602 h 5219602"/>
              <a:gd name="connsiteX5" fmla="*/ 8647340 w 10511434"/>
              <a:gd name="connsiteY5" fmla="*/ 5219602 h 5219602"/>
              <a:gd name="connsiteX6" fmla="*/ 8423260 w 10511434"/>
              <a:gd name="connsiteY6" fmla="*/ 4995561 h 5219602"/>
              <a:gd name="connsiteX7" fmla="*/ 8423260 w 10511434"/>
              <a:gd name="connsiteY7" fmla="*/ 4288609 h 5219602"/>
              <a:gd name="connsiteX8" fmla="*/ 8007038 w 10511434"/>
              <a:gd name="connsiteY8" fmla="*/ 4173321 h 5219602"/>
              <a:gd name="connsiteX9" fmla="*/ 7444469 w 10511434"/>
              <a:gd name="connsiteY9" fmla="*/ 5110796 h 5219602"/>
              <a:gd name="connsiteX10" fmla="*/ 7252326 w 10511434"/>
              <a:gd name="connsiteY10" fmla="*/ 5219549 h 5219602"/>
              <a:gd name="connsiteX11" fmla="*/ 224079 w 10511434"/>
              <a:gd name="connsiteY11" fmla="*/ 5219549 h 5219602"/>
              <a:gd name="connsiteX12" fmla="*/ 0 w 10511434"/>
              <a:gd name="connsiteY12" fmla="*/ 4995508 h 5219602"/>
              <a:gd name="connsiteX13" fmla="*/ 0 w 10511434"/>
              <a:gd name="connsiteY13" fmla="*/ 1801920 h 5219602"/>
              <a:gd name="connsiteX14" fmla="*/ 31936 w 10511434"/>
              <a:gd name="connsiteY14" fmla="*/ 1686632 h 5219602"/>
              <a:gd name="connsiteX15" fmla="*/ 978792 w 10511434"/>
              <a:gd name="connsiteY15" fmla="*/ 108754 h 5219602"/>
              <a:gd name="connsiteX16" fmla="*/ 1170935 w 10511434"/>
              <a:gd name="connsiteY16" fmla="*/ 0 h 52196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0511434" h="5219602">
                <a:moveTo>
                  <a:pt x="1170935" y="0"/>
                </a:moveTo>
                <a:lnTo>
                  <a:pt x="10287355" y="0"/>
                </a:lnTo>
                <a:cubicBezTo>
                  <a:pt x="10411094" y="0"/>
                  <a:pt x="10511434" y="100323"/>
                  <a:pt x="10511434" y="224041"/>
                </a:cubicBezTo>
                <a:lnTo>
                  <a:pt x="10511434" y="4995561"/>
                </a:lnTo>
                <a:cubicBezTo>
                  <a:pt x="10511434" y="5119279"/>
                  <a:pt x="10411094" y="5219602"/>
                  <a:pt x="10287355" y="5219602"/>
                </a:cubicBezTo>
                <a:lnTo>
                  <a:pt x="8647340" y="5219602"/>
                </a:lnTo>
                <a:cubicBezTo>
                  <a:pt x="8523601" y="5219602"/>
                  <a:pt x="8423260" y="5119279"/>
                  <a:pt x="8423260" y="4995561"/>
                </a:cubicBezTo>
                <a:lnTo>
                  <a:pt x="8423260" y="4288609"/>
                </a:lnTo>
                <a:cubicBezTo>
                  <a:pt x="8423260" y="4061353"/>
                  <a:pt x="8123979" y="3978471"/>
                  <a:pt x="8007038" y="4173321"/>
                </a:cubicBezTo>
                <a:lnTo>
                  <a:pt x="7444469" y="5110796"/>
                </a:lnTo>
                <a:cubicBezTo>
                  <a:pt x="7403995" y="5178240"/>
                  <a:pt x="7331059" y="5219549"/>
                  <a:pt x="7252326" y="5219549"/>
                </a:cubicBezTo>
                <a:lnTo>
                  <a:pt x="224079" y="5219549"/>
                </a:lnTo>
                <a:cubicBezTo>
                  <a:pt x="100340" y="5219549"/>
                  <a:pt x="0" y="5119226"/>
                  <a:pt x="0" y="4995508"/>
                </a:cubicBezTo>
                <a:lnTo>
                  <a:pt x="0" y="1801920"/>
                </a:lnTo>
                <a:cubicBezTo>
                  <a:pt x="0" y="1761295"/>
                  <a:pt x="11067" y="1721461"/>
                  <a:pt x="31936" y="1686632"/>
                </a:cubicBezTo>
                <a:lnTo>
                  <a:pt x="978792" y="108754"/>
                </a:lnTo>
                <a:cubicBezTo>
                  <a:pt x="1019265" y="41310"/>
                  <a:pt x="1092202" y="0"/>
                  <a:pt x="1170935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8" name="Bilde 7">
            <a:extLst>
              <a:ext uri="{FF2B5EF4-FFF2-40B4-BE49-F238E27FC236}">
                <a16:creationId xmlns:a16="http://schemas.microsoft.com/office/drawing/2014/main" id="{549FC9F5-99DD-1F7B-8314-12867514399A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pic>
        <p:nvPicPr>
          <p:cNvPr id="41" name="Bilde 40">
            <a:extLst>
              <a:ext uri="{FF2B5EF4-FFF2-40B4-BE49-F238E27FC236}">
                <a16:creationId xmlns:a16="http://schemas.microsoft.com/office/drawing/2014/main" id="{59A61231-5D90-F084-BD09-FB9296AC37C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9" name="Tittel 1">
            <a:extLst>
              <a:ext uri="{FF2B5EF4-FFF2-40B4-BE49-F238E27FC236}">
                <a16:creationId xmlns:a16="http://schemas.microsoft.com/office/drawing/2014/main" id="{67115B24-C328-3F2B-480E-ACB8FE03C0B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233983" y="4067034"/>
            <a:ext cx="9625264" cy="1693501"/>
          </a:xfrm>
        </p:spPr>
        <p:txBody>
          <a:bodyPr anchor="b">
            <a:noAutofit/>
          </a:bodyPr>
          <a:lstStyle>
            <a:lvl1pPr algn="l">
              <a:defRPr sz="54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318971543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38199" y="1501160"/>
            <a:ext cx="4971402" cy="3505737"/>
          </a:xfrm>
        </p:spPr>
        <p:txBody>
          <a:bodyPr anchor="b">
            <a:noAutofit/>
          </a:bodyPr>
          <a:lstStyle>
            <a:lvl1pPr algn="l">
              <a:defRPr sz="5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199" y="5120639"/>
            <a:ext cx="4971402" cy="919301"/>
          </a:xfrm>
        </p:spPr>
        <p:txBody>
          <a:bodyPr>
            <a:noAutofit/>
          </a:bodyPr>
          <a:lstStyle>
            <a:lvl1pPr marL="0" indent="0" algn="l">
              <a:buNone/>
              <a:defRPr sz="20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her for å redigere undertittel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DCFC6F05-CC25-3847-DE7E-E810DF531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D2F217D4-8B90-9CD5-3D8D-40CACBBD69C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139543" y="827690"/>
            <a:ext cx="5212251" cy="5212251"/>
          </a:xfrm>
          <a:custGeom>
            <a:avLst/>
            <a:gdLst>
              <a:gd name="connsiteX0" fmla="*/ 1115078 w 4971402"/>
              <a:gd name="connsiteY0" fmla="*/ 0 h 4971402"/>
              <a:gd name="connsiteX1" fmla="*/ 4758012 w 4971402"/>
              <a:gd name="connsiteY1" fmla="*/ 0 h 4971402"/>
              <a:gd name="connsiteX2" fmla="*/ 4971402 w 4971402"/>
              <a:gd name="connsiteY2" fmla="*/ 213390 h 4971402"/>
              <a:gd name="connsiteX3" fmla="*/ 4971402 w 4971402"/>
              <a:gd name="connsiteY3" fmla="*/ 4758012 h 4971402"/>
              <a:gd name="connsiteX4" fmla="*/ 4758012 w 4971402"/>
              <a:gd name="connsiteY4" fmla="*/ 4971402 h 4971402"/>
              <a:gd name="connsiteX5" fmla="*/ 2201951 w 4971402"/>
              <a:gd name="connsiteY5" fmla="*/ 4971402 h 4971402"/>
              <a:gd name="connsiteX6" fmla="*/ 1988561 w 4971402"/>
              <a:gd name="connsiteY6" fmla="*/ 4758012 h 4971402"/>
              <a:gd name="connsiteX7" fmla="*/ 1988561 w 4971402"/>
              <a:gd name="connsiteY7" fmla="*/ 4084669 h 4971402"/>
              <a:gd name="connsiteX8" fmla="*/ 1592194 w 4971402"/>
              <a:gd name="connsiteY8" fmla="*/ 3974863 h 4971402"/>
              <a:gd name="connsiteX9" fmla="*/ 1056461 w 4971402"/>
              <a:gd name="connsiteY9" fmla="*/ 4867768 h 4971402"/>
              <a:gd name="connsiteX10" fmla="*/ 873483 w 4971402"/>
              <a:gd name="connsiteY10" fmla="*/ 4971352 h 4971402"/>
              <a:gd name="connsiteX11" fmla="*/ 213390 w 4971402"/>
              <a:gd name="connsiteY11" fmla="*/ 4971352 h 4971402"/>
              <a:gd name="connsiteX12" fmla="*/ 0 w 4971402"/>
              <a:gd name="connsiteY12" fmla="*/ 4757962 h 4971402"/>
              <a:gd name="connsiteX13" fmla="*/ 0 w 4971402"/>
              <a:gd name="connsiteY13" fmla="*/ 1716253 h 4971402"/>
              <a:gd name="connsiteX14" fmla="*/ 30413 w 4971402"/>
              <a:gd name="connsiteY14" fmla="*/ 1606446 h 4971402"/>
              <a:gd name="connsiteX15" fmla="*/ 932100 w 4971402"/>
              <a:gd name="connsiteY15" fmla="*/ 103583 h 4971402"/>
              <a:gd name="connsiteX16" fmla="*/ 1115078 w 4971402"/>
              <a:gd name="connsiteY16" fmla="*/ 0 h 49714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4971402" h="4971402">
                <a:moveTo>
                  <a:pt x="1115078" y="0"/>
                </a:moveTo>
                <a:lnTo>
                  <a:pt x="4758012" y="0"/>
                </a:lnTo>
                <a:cubicBezTo>
                  <a:pt x="4875848" y="0"/>
                  <a:pt x="4971402" y="95554"/>
                  <a:pt x="4971402" y="213390"/>
                </a:cubicBezTo>
                <a:lnTo>
                  <a:pt x="4971402" y="4758012"/>
                </a:lnTo>
                <a:cubicBezTo>
                  <a:pt x="4971402" y="4875848"/>
                  <a:pt x="4875848" y="4971402"/>
                  <a:pt x="4758012" y="4971402"/>
                </a:cubicBezTo>
                <a:lnTo>
                  <a:pt x="2201951" y="4971402"/>
                </a:lnTo>
                <a:cubicBezTo>
                  <a:pt x="2084114" y="4971402"/>
                  <a:pt x="1988561" y="4875848"/>
                  <a:pt x="1988561" y="4758012"/>
                </a:cubicBezTo>
                <a:lnTo>
                  <a:pt x="1988561" y="4084669"/>
                </a:lnTo>
                <a:cubicBezTo>
                  <a:pt x="1988561" y="3868268"/>
                  <a:pt x="1703556" y="3789276"/>
                  <a:pt x="1592194" y="3974863"/>
                </a:cubicBezTo>
                <a:lnTo>
                  <a:pt x="1056461" y="4867768"/>
                </a:lnTo>
                <a:cubicBezTo>
                  <a:pt x="1017918" y="4932056"/>
                  <a:pt x="948461" y="4971352"/>
                  <a:pt x="873483" y="4971352"/>
                </a:cubicBezTo>
                <a:lnTo>
                  <a:pt x="213390" y="4971352"/>
                </a:lnTo>
                <a:cubicBezTo>
                  <a:pt x="95554" y="4971352"/>
                  <a:pt x="0" y="4875798"/>
                  <a:pt x="0" y="4757962"/>
                </a:cubicBezTo>
                <a:lnTo>
                  <a:pt x="0" y="1716253"/>
                </a:lnTo>
                <a:cubicBezTo>
                  <a:pt x="0" y="1677559"/>
                  <a:pt x="10489" y="1639619"/>
                  <a:pt x="30413" y="1606446"/>
                </a:cubicBezTo>
                <a:lnTo>
                  <a:pt x="932100" y="103583"/>
                </a:lnTo>
                <a:cubicBezTo>
                  <a:pt x="970693" y="39346"/>
                  <a:pt x="1040150" y="0"/>
                  <a:pt x="1115078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5" name="Bilde 2">
            <a:extLst>
              <a:ext uri="{FF2B5EF4-FFF2-40B4-BE49-F238E27FC236}">
                <a16:creationId xmlns:a16="http://schemas.microsoft.com/office/drawing/2014/main" id="{05798C6B-2745-E7F1-3241-DAE7502B35A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59882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5">
            <a:extLst>
              <a:ext uri="{FF2B5EF4-FFF2-40B4-BE49-F238E27FC236}">
                <a16:creationId xmlns:a16="http://schemas.microsoft.com/office/drawing/2014/main" id="{8F3FE7BC-CCDA-25E1-31CE-556CF758717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38199" y="818284"/>
            <a:ext cx="10511434" cy="5219602"/>
          </a:xfrm>
          <a:custGeom>
            <a:avLst/>
            <a:gdLst>
              <a:gd name="connsiteX0" fmla="*/ 1170935 w 10511434"/>
              <a:gd name="connsiteY0" fmla="*/ 0 h 5219602"/>
              <a:gd name="connsiteX1" fmla="*/ 10287355 w 10511434"/>
              <a:gd name="connsiteY1" fmla="*/ 0 h 5219602"/>
              <a:gd name="connsiteX2" fmla="*/ 10511434 w 10511434"/>
              <a:gd name="connsiteY2" fmla="*/ 224041 h 5219602"/>
              <a:gd name="connsiteX3" fmla="*/ 10511434 w 10511434"/>
              <a:gd name="connsiteY3" fmla="*/ 4995561 h 5219602"/>
              <a:gd name="connsiteX4" fmla="*/ 10287355 w 10511434"/>
              <a:gd name="connsiteY4" fmla="*/ 5219602 h 5219602"/>
              <a:gd name="connsiteX5" fmla="*/ 8647340 w 10511434"/>
              <a:gd name="connsiteY5" fmla="*/ 5219602 h 5219602"/>
              <a:gd name="connsiteX6" fmla="*/ 8423260 w 10511434"/>
              <a:gd name="connsiteY6" fmla="*/ 4995561 h 5219602"/>
              <a:gd name="connsiteX7" fmla="*/ 8423260 w 10511434"/>
              <a:gd name="connsiteY7" fmla="*/ 4288609 h 5219602"/>
              <a:gd name="connsiteX8" fmla="*/ 8007038 w 10511434"/>
              <a:gd name="connsiteY8" fmla="*/ 4173321 h 5219602"/>
              <a:gd name="connsiteX9" fmla="*/ 7444469 w 10511434"/>
              <a:gd name="connsiteY9" fmla="*/ 5110796 h 5219602"/>
              <a:gd name="connsiteX10" fmla="*/ 7252326 w 10511434"/>
              <a:gd name="connsiteY10" fmla="*/ 5219549 h 5219602"/>
              <a:gd name="connsiteX11" fmla="*/ 224079 w 10511434"/>
              <a:gd name="connsiteY11" fmla="*/ 5219549 h 5219602"/>
              <a:gd name="connsiteX12" fmla="*/ 0 w 10511434"/>
              <a:gd name="connsiteY12" fmla="*/ 4995508 h 5219602"/>
              <a:gd name="connsiteX13" fmla="*/ 0 w 10511434"/>
              <a:gd name="connsiteY13" fmla="*/ 1801920 h 5219602"/>
              <a:gd name="connsiteX14" fmla="*/ 31936 w 10511434"/>
              <a:gd name="connsiteY14" fmla="*/ 1686632 h 5219602"/>
              <a:gd name="connsiteX15" fmla="*/ 978792 w 10511434"/>
              <a:gd name="connsiteY15" fmla="*/ 108754 h 5219602"/>
              <a:gd name="connsiteX16" fmla="*/ 1170935 w 10511434"/>
              <a:gd name="connsiteY16" fmla="*/ 0 h 52196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0511434" h="5219602">
                <a:moveTo>
                  <a:pt x="1170935" y="0"/>
                </a:moveTo>
                <a:lnTo>
                  <a:pt x="10287355" y="0"/>
                </a:lnTo>
                <a:cubicBezTo>
                  <a:pt x="10411094" y="0"/>
                  <a:pt x="10511434" y="100323"/>
                  <a:pt x="10511434" y="224041"/>
                </a:cubicBezTo>
                <a:lnTo>
                  <a:pt x="10511434" y="4995561"/>
                </a:lnTo>
                <a:cubicBezTo>
                  <a:pt x="10511434" y="5119279"/>
                  <a:pt x="10411094" y="5219602"/>
                  <a:pt x="10287355" y="5219602"/>
                </a:cubicBezTo>
                <a:lnTo>
                  <a:pt x="8647340" y="5219602"/>
                </a:lnTo>
                <a:cubicBezTo>
                  <a:pt x="8523601" y="5219602"/>
                  <a:pt x="8423260" y="5119279"/>
                  <a:pt x="8423260" y="4995561"/>
                </a:cubicBezTo>
                <a:lnTo>
                  <a:pt x="8423260" y="4288609"/>
                </a:lnTo>
                <a:cubicBezTo>
                  <a:pt x="8423260" y="4061353"/>
                  <a:pt x="8123979" y="3978471"/>
                  <a:pt x="8007038" y="4173321"/>
                </a:cubicBezTo>
                <a:lnTo>
                  <a:pt x="7444469" y="5110796"/>
                </a:lnTo>
                <a:cubicBezTo>
                  <a:pt x="7403995" y="5178240"/>
                  <a:pt x="7331059" y="5219549"/>
                  <a:pt x="7252326" y="5219549"/>
                </a:cubicBezTo>
                <a:lnTo>
                  <a:pt x="224079" y="5219549"/>
                </a:lnTo>
                <a:cubicBezTo>
                  <a:pt x="100340" y="5219549"/>
                  <a:pt x="0" y="5119226"/>
                  <a:pt x="0" y="4995508"/>
                </a:cubicBezTo>
                <a:lnTo>
                  <a:pt x="0" y="1801920"/>
                </a:lnTo>
                <a:cubicBezTo>
                  <a:pt x="0" y="1761295"/>
                  <a:pt x="11067" y="1721461"/>
                  <a:pt x="31936" y="1686632"/>
                </a:cubicBezTo>
                <a:lnTo>
                  <a:pt x="978792" y="108754"/>
                </a:lnTo>
                <a:cubicBezTo>
                  <a:pt x="1019265" y="41310"/>
                  <a:pt x="1092202" y="0"/>
                  <a:pt x="1170935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41" name="Bilde 40">
            <a:extLst>
              <a:ext uri="{FF2B5EF4-FFF2-40B4-BE49-F238E27FC236}">
                <a16:creationId xmlns:a16="http://schemas.microsoft.com/office/drawing/2014/main" id="{59A61231-5D90-F084-BD09-FB9296AC37C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9" name="Tittel 1">
            <a:extLst>
              <a:ext uri="{FF2B5EF4-FFF2-40B4-BE49-F238E27FC236}">
                <a16:creationId xmlns:a16="http://schemas.microsoft.com/office/drawing/2014/main" id="{67115B24-C328-3F2B-480E-ACB8FE03C0B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233982" y="4067034"/>
            <a:ext cx="9626400" cy="1693501"/>
          </a:xfrm>
        </p:spPr>
        <p:txBody>
          <a:bodyPr anchor="b">
            <a:noAutofit/>
          </a:bodyPr>
          <a:lstStyle>
            <a:lvl1pPr algn="l">
              <a:defRPr sz="5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2" name="Bilde 2">
            <a:extLst>
              <a:ext uri="{FF2B5EF4-FFF2-40B4-BE49-F238E27FC236}">
                <a16:creationId xmlns:a16="http://schemas.microsoft.com/office/drawing/2014/main" id="{2019890D-4C7D-9DB7-7D1D-84ADAFDC25E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928026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tel 1">
            <a:extLst>
              <a:ext uri="{FF2B5EF4-FFF2-40B4-BE49-F238E27FC236}">
                <a16:creationId xmlns:a16="http://schemas.microsoft.com/office/drawing/2014/main" id="{70B16244-B73E-C20D-887F-CDF4D49D264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199" y="2729878"/>
            <a:ext cx="10477501" cy="2278517"/>
          </a:xfrm>
        </p:spPr>
        <p:txBody>
          <a:bodyPr anchor="b">
            <a:noAutofit/>
          </a:bodyPr>
          <a:lstStyle>
            <a:lvl1pPr algn="l">
              <a:defRPr sz="5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5" name="Bilde 4">
            <a:extLst>
              <a:ext uri="{FF2B5EF4-FFF2-40B4-BE49-F238E27FC236}">
                <a16:creationId xmlns:a16="http://schemas.microsoft.com/office/drawing/2014/main" id="{3D305D02-7876-3935-B22C-1F2C4015931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8" name="Undertittel 2">
            <a:extLst>
              <a:ext uri="{FF2B5EF4-FFF2-40B4-BE49-F238E27FC236}">
                <a16:creationId xmlns:a16="http://schemas.microsoft.com/office/drawing/2014/main" id="{38187517-7754-0327-D71B-F760BA70326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199" y="5123507"/>
            <a:ext cx="10477500" cy="918000"/>
          </a:xfrm>
        </p:spPr>
        <p:txBody>
          <a:bodyPr>
            <a:noAutofit/>
          </a:bodyPr>
          <a:lstStyle>
            <a:lvl1pPr marL="0" indent="0" algn="l">
              <a:buNone/>
              <a:defRPr sz="20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her for å redigere undertittel</a:t>
            </a:r>
          </a:p>
        </p:txBody>
      </p:sp>
      <p:pic>
        <p:nvPicPr>
          <p:cNvPr id="2" name="Bilde 2">
            <a:extLst>
              <a:ext uri="{FF2B5EF4-FFF2-40B4-BE49-F238E27FC236}">
                <a16:creationId xmlns:a16="http://schemas.microsoft.com/office/drawing/2014/main" id="{347DD702-A5FA-79CA-E463-FA97699132B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045202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Agenda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ktangel 8">
            <a:extLst>
              <a:ext uri="{FF2B5EF4-FFF2-40B4-BE49-F238E27FC236}">
                <a16:creationId xmlns:a16="http://schemas.microsoft.com/office/drawing/2014/main" id="{4D999934-1CF5-6D77-D7D4-409CEED297DC}"/>
              </a:ext>
            </a:extLst>
          </p:cNvPr>
          <p:cNvSpPr/>
          <p:nvPr userDrawn="1"/>
        </p:nvSpPr>
        <p:spPr>
          <a:xfrm flipH="1">
            <a:off x="0" y="1"/>
            <a:ext cx="6096000" cy="6857999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>
              <a:solidFill>
                <a:schemeClr val="tx1"/>
              </a:solidFill>
              <a:latin typeface="Aptos" panose="020B0004020202020204" pitchFamily="34" charset="0"/>
            </a:endParaRPr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C738ED5E-9F67-DC18-87A1-32020F0836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1010653"/>
            <a:ext cx="4419599" cy="5166308"/>
          </a:xfrm>
        </p:spPr>
        <p:txBody>
          <a:bodyPr anchor="ctr">
            <a:noAutofit/>
          </a:bodyPr>
          <a:lstStyle>
            <a:lvl1pPr algn="l">
              <a:defRPr sz="44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ekst</a:t>
            </a:r>
          </a:p>
        </p:txBody>
      </p:sp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DA068950-0913-7A99-7DBF-9B59DC6D1B9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985000" y="1010653"/>
            <a:ext cx="4368799" cy="5166309"/>
          </a:xfrm>
        </p:spPr>
        <p:txBody>
          <a:bodyPr anchor="ctr">
            <a:noAutofit/>
          </a:bodyPr>
          <a:lstStyle>
            <a:lvl1pPr marL="457200" indent="-457200">
              <a:buClr>
                <a:schemeClr val="tx2"/>
              </a:buClr>
              <a:buFont typeface="+mj-lt"/>
              <a:buAutoNum type="arabicPeriod"/>
              <a:defRPr b="1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Skriv agenda her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268CBF6F-55A0-13CE-2DC8-A91167E1B10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5" name="Bilde 2">
            <a:extLst>
              <a:ext uri="{FF2B5EF4-FFF2-40B4-BE49-F238E27FC236}">
                <a16:creationId xmlns:a16="http://schemas.microsoft.com/office/drawing/2014/main" id="{E28D3A8E-A5E6-F4D4-A8B8-ACFE824FA17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935197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Mellomsli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38200" y="847032"/>
            <a:ext cx="10515600" cy="2810567"/>
          </a:xfrm>
        </p:spPr>
        <p:txBody>
          <a:bodyPr anchor="b">
            <a:noAutofit/>
          </a:bodyPr>
          <a:lstStyle>
            <a:lvl1pPr algn="ctr">
              <a:defRPr sz="4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200" y="3724712"/>
            <a:ext cx="10515600" cy="2286000"/>
          </a:xfrm>
        </p:spPr>
        <p:txBody>
          <a:bodyPr>
            <a:noAutofit/>
          </a:bodyPr>
          <a:lstStyle>
            <a:lvl1pPr marL="0" indent="0" algn="ctr">
              <a:buNone/>
              <a:defRPr sz="20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46CAA519-6EDD-239A-178C-6679C82E4B0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5" name="Bilde 2">
            <a:extLst>
              <a:ext uri="{FF2B5EF4-FFF2-40B4-BE49-F238E27FC236}">
                <a16:creationId xmlns:a16="http://schemas.microsoft.com/office/drawing/2014/main" id="{F707B91B-7C83-7AB6-18AF-43E54853683F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300179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llom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ssholder for bilde 6">
            <a:extLst>
              <a:ext uri="{FF2B5EF4-FFF2-40B4-BE49-F238E27FC236}">
                <a16:creationId xmlns:a16="http://schemas.microsoft.com/office/drawing/2014/main" id="{B74CB703-39D3-7675-1101-34100DC35A39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2361063"/>
            <a:ext cx="12192000" cy="4496937"/>
          </a:xfrm>
        </p:spPr>
        <p:txBody>
          <a:bodyPr anchor="ctr"/>
          <a:lstStyle>
            <a:lvl1pPr marL="0" indent="0" algn="ctr">
              <a:buNone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1DDC5DD6-7423-8B16-73AC-BE35C6F0D9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8" name="Tittel 1">
            <a:extLst>
              <a:ext uri="{FF2B5EF4-FFF2-40B4-BE49-F238E27FC236}">
                <a16:creationId xmlns:a16="http://schemas.microsoft.com/office/drawing/2014/main" id="{653CA80E-1E7D-073D-B788-161DC1D45D3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97256" y="361508"/>
            <a:ext cx="10516738" cy="1529372"/>
          </a:xfrm>
        </p:spPr>
        <p:txBody>
          <a:bodyPr anchor="t">
            <a:noAutofit/>
          </a:bodyPr>
          <a:lstStyle>
            <a:lvl1pPr algn="l">
              <a:defRPr sz="4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2" name="Bilde 2">
            <a:extLst>
              <a:ext uri="{FF2B5EF4-FFF2-40B4-BE49-F238E27FC236}">
                <a16:creationId xmlns:a16="http://schemas.microsoft.com/office/drawing/2014/main" id="{3EBBA8F3-FDC0-DF28-8968-5B030CF704D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767909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llomslid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38199" y="827690"/>
            <a:ext cx="4971402" cy="1648421"/>
          </a:xfrm>
        </p:spPr>
        <p:txBody>
          <a:bodyPr anchor="b">
            <a:noAutofit/>
          </a:bodyPr>
          <a:lstStyle>
            <a:lvl1pPr algn="l">
              <a:defRPr sz="4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199" y="2620149"/>
            <a:ext cx="4971402" cy="3419792"/>
          </a:xfrm>
        </p:spPr>
        <p:txBody>
          <a:bodyPr>
            <a:noAutofit/>
          </a:bodyPr>
          <a:lstStyle>
            <a:lvl1pPr marL="0" indent="0" algn="l">
              <a:buNone/>
              <a:defRPr sz="20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her for å redigere undertittel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DCFC6F05-CC25-3847-DE7E-E810DF531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D2F217D4-8B90-9CD5-3D8D-40CACBBD69C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139543" y="827690"/>
            <a:ext cx="5212251" cy="5212251"/>
          </a:xfrm>
          <a:custGeom>
            <a:avLst/>
            <a:gdLst>
              <a:gd name="connsiteX0" fmla="*/ 1115078 w 4971402"/>
              <a:gd name="connsiteY0" fmla="*/ 0 h 4971402"/>
              <a:gd name="connsiteX1" fmla="*/ 4758012 w 4971402"/>
              <a:gd name="connsiteY1" fmla="*/ 0 h 4971402"/>
              <a:gd name="connsiteX2" fmla="*/ 4971402 w 4971402"/>
              <a:gd name="connsiteY2" fmla="*/ 213390 h 4971402"/>
              <a:gd name="connsiteX3" fmla="*/ 4971402 w 4971402"/>
              <a:gd name="connsiteY3" fmla="*/ 4758012 h 4971402"/>
              <a:gd name="connsiteX4" fmla="*/ 4758012 w 4971402"/>
              <a:gd name="connsiteY4" fmla="*/ 4971402 h 4971402"/>
              <a:gd name="connsiteX5" fmla="*/ 2201951 w 4971402"/>
              <a:gd name="connsiteY5" fmla="*/ 4971402 h 4971402"/>
              <a:gd name="connsiteX6" fmla="*/ 1988561 w 4971402"/>
              <a:gd name="connsiteY6" fmla="*/ 4758012 h 4971402"/>
              <a:gd name="connsiteX7" fmla="*/ 1988561 w 4971402"/>
              <a:gd name="connsiteY7" fmla="*/ 4084669 h 4971402"/>
              <a:gd name="connsiteX8" fmla="*/ 1592194 w 4971402"/>
              <a:gd name="connsiteY8" fmla="*/ 3974863 h 4971402"/>
              <a:gd name="connsiteX9" fmla="*/ 1056461 w 4971402"/>
              <a:gd name="connsiteY9" fmla="*/ 4867768 h 4971402"/>
              <a:gd name="connsiteX10" fmla="*/ 873483 w 4971402"/>
              <a:gd name="connsiteY10" fmla="*/ 4971352 h 4971402"/>
              <a:gd name="connsiteX11" fmla="*/ 213390 w 4971402"/>
              <a:gd name="connsiteY11" fmla="*/ 4971352 h 4971402"/>
              <a:gd name="connsiteX12" fmla="*/ 0 w 4971402"/>
              <a:gd name="connsiteY12" fmla="*/ 4757962 h 4971402"/>
              <a:gd name="connsiteX13" fmla="*/ 0 w 4971402"/>
              <a:gd name="connsiteY13" fmla="*/ 1716253 h 4971402"/>
              <a:gd name="connsiteX14" fmla="*/ 30413 w 4971402"/>
              <a:gd name="connsiteY14" fmla="*/ 1606446 h 4971402"/>
              <a:gd name="connsiteX15" fmla="*/ 932100 w 4971402"/>
              <a:gd name="connsiteY15" fmla="*/ 103583 h 4971402"/>
              <a:gd name="connsiteX16" fmla="*/ 1115078 w 4971402"/>
              <a:gd name="connsiteY16" fmla="*/ 0 h 49714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4971402" h="4971402">
                <a:moveTo>
                  <a:pt x="1115078" y="0"/>
                </a:moveTo>
                <a:lnTo>
                  <a:pt x="4758012" y="0"/>
                </a:lnTo>
                <a:cubicBezTo>
                  <a:pt x="4875848" y="0"/>
                  <a:pt x="4971402" y="95554"/>
                  <a:pt x="4971402" y="213390"/>
                </a:cubicBezTo>
                <a:lnTo>
                  <a:pt x="4971402" y="4758012"/>
                </a:lnTo>
                <a:cubicBezTo>
                  <a:pt x="4971402" y="4875848"/>
                  <a:pt x="4875848" y="4971402"/>
                  <a:pt x="4758012" y="4971402"/>
                </a:cubicBezTo>
                <a:lnTo>
                  <a:pt x="2201951" y="4971402"/>
                </a:lnTo>
                <a:cubicBezTo>
                  <a:pt x="2084114" y="4971402"/>
                  <a:pt x="1988561" y="4875848"/>
                  <a:pt x="1988561" y="4758012"/>
                </a:cubicBezTo>
                <a:lnTo>
                  <a:pt x="1988561" y="4084669"/>
                </a:lnTo>
                <a:cubicBezTo>
                  <a:pt x="1988561" y="3868268"/>
                  <a:pt x="1703556" y="3789276"/>
                  <a:pt x="1592194" y="3974863"/>
                </a:cubicBezTo>
                <a:lnTo>
                  <a:pt x="1056461" y="4867768"/>
                </a:lnTo>
                <a:cubicBezTo>
                  <a:pt x="1017918" y="4932056"/>
                  <a:pt x="948461" y="4971352"/>
                  <a:pt x="873483" y="4971352"/>
                </a:cubicBezTo>
                <a:lnTo>
                  <a:pt x="213390" y="4971352"/>
                </a:lnTo>
                <a:cubicBezTo>
                  <a:pt x="95554" y="4971352"/>
                  <a:pt x="0" y="4875798"/>
                  <a:pt x="0" y="4757962"/>
                </a:cubicBezTo>
                <a:lnTo>
                  <a:pt x="0" y="1716253"/>
                </a:lnTo>
                <a:cubicBezTo>
                  <a:pt x="0" y="1677559"/>
                  <a:pt x="10489" y="1639619"/>
                  <a:pt x="30413" y="1606446"/>
                </a:cubicBezTo>
                <a:lnTo>
                  <a:pt x="932100" y="103583"/>
                </a:lnTo>
                <a:cubicBezTo>
                  <a:pt x="970693" y="39346"/>
                  <a:pt x="1040150" y="0"/>
                  <a:pt x="1115078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5" name="Bilde 2">
            <a:extLst>
              <a:ext uri="{FF2B5EF4-FFF2-40B4-BE49-F238E27FC236}">
                <a16:creationId xmlns:a16="http://schemas.microsoft.com/office/drawing/2014/main" id="{2FBAF1F3-A257-F85C-649A-1341886E410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1993974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DA068950-0913-7A99-7DBF-9B59DC6D1B9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38200" y="1440000"/>
            <a:ext cx="10515600" cy="4606078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5764516E-1D78-40C4-7AF8-F3A34FDF10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E62D2E84-2EE0-2425-2083-C2BA543CE0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2" name="Bilde 2">
            <a:extLst>
              <a:ext uri="{FF2B5EF4-FFF2-40B4-BE49-F238E27FC236}">
                <a16:creationId xmlns:a16="http://schemas.microsoft.com/office/drawing/2014/main" id="{F1380A61-0CE8-CFBF-56FD-601A70C4148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36226262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Teks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345AB583-F51C-0E51-DBB0-B36D421888CC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838200" y="1440000"/>
            <a:ext cx="5181600" cy="4608000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92ACDFFE-3ED9-C522-5AB0-FCEDCB2ABD9B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72202" y="1439999"/>
            <a:ext cx="5181600" cy="4608000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5" name="Bilde 4">
            <a:extLst>
              <a:ext uri="{FF2B5EF4-FFF2-40B4-BE49-F238E27FC236}">
                <a16:creationId xmlns:a16="http://schemas.microsoft.com/office/drawing/2014/main" id="{AD6CB6D7-5FB2-7F4D-F7DF-5195995C97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EF9407F4-8CF5-7104-6DC5-AEBB2C8532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6" name="Bilde 2">
            <a:extLst>
              <a:ext uri="{FF2B5EF4-FFF2-40B4-BE49-F238E27FC236}">
                <a16:creationId xmlns:a16="http://schemas.microsoft.com/office/drawing/2014/main" id="{267E35AD-03D2-1CEB-AEFC-2CB800020BA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91809163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8" y="1439999"/>
            <a:ext cx="3380399" cy="720000"/>
          </a:xfrm>
        </p:spPr>
        <p:txBody>
          <a:bodyPr tIns="0" bIns="0" anchor="b">
            <a:noAutofit/>
          </a:bodyPr>
          <a:lstStyle>
            <a:lvl1pPr marL="0" indent="0">
              <a:spcBef>
                <a:spcPts val="0"/>
              </a:spcBef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4584D2C2-3047-F5B1-9469-B34CB1CAA8D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2268000"/>
            <a:ext cx="3380400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4405799" y="1439999"/>
            <a:ext cx="3380399" cy="720000"/>
          </a:xfrm>
        </p:spPr>
        <p:txBody>
          <a:bodyPr tIns="0" bIns="0" anchor="b">
            <a:noAutofit/>
          </a:bodyPr>
          <a:lstStyle>
            <a:lvl1pPr marL="0" indent="0">
              <a:spcBef>
                <a:spcPts val="0"/>
              </a:spcBef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2" name="Plassholder for innhold 3">
            <a:extLst>
              <a:ext uri="{FF2B5EF4-FFF2-40B4-BE49-F238E27FC236}">
                <a16:creationId xmlns:a16="http://schemas.microsoft.com/office/drawing/2014/main" id="{03BCF634-F098-4E9B-362B-BEC149EF681E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405800" y="2268000"/>
            <a:ext cx="3380400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7971810" y="1439999"/>
            <a:ext cx="3380403" cy="720000"/>
          </a:xfrm>
        </p:spPr>
        <p:txBody>
          <a:bodyPr tIns="0" bIns="0" anchor="b">
            <a:noAutofit/>
          </a:bodyPr>
          <a:lstStyle>
            <a:lvl1pPr marL="0" indent="0">
              <a:spcBef>
                <a:spcPts val="0"/>
              </a:spcBef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4" name="Plassholder for innhold 3">
            <a:extLst>
              <a:ext uri="{FF2B5EF4-FFF2-40B4-BE49-F238E27FC236}">
                <a16:creationId xmlns:a16="http://schemas.microsoft.com/office/drawing/2014/main" id="{ACFE2AC3-F6C8-83B5-11BA-7BC0E59E0F94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7971811" y="2269050"/>
            <a:ext cx="3380400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7" name="Tittel 1">
            <a:extLst>
              <a:ext uri="{FF2B5EF4-FFF2-40B4-BE49-F238E27FC236}">
                <a16:creationId xmlns:a16="http://schemas.microsoft.com/office/drawing/2014/main" id="{EA38931D-06A2-48E6-C97B-2E88EEC47DB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5" name="Bilde 2">
            <a:extLst>
              <a:ext uri="{FF2B5EF4-FFF2-40B4-BE49-F238E27FC236}">
                <a16:creationId xmlns:a16="http://schemas.microsoft.com/office/drawing/2014/main" id="{DC512A4F-1AB1-B357-9A3F-D307D405507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6447659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tel 1">
            <a:extLst>
              <a:ext uri="{FF2B5EF4-FFF2-40B4-BE49-F238E27FC236}">
                <a16:creationId xmlns:a16="http://schemas.microsoft.com/office/drawing/2014/main" id="{70B16244-B73E-C20D-887F-CDF4D49D264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199" y="2729878"/>
            <a:ext cx="10477501" cy="2278517"/>
          </a:xfrm>
        </p:spPr>
        <p:txBody>
          <a:bodyPr anchor="b">
            <a:noAutofit/>
          </a:bodyPr>
          <a:lstStyle>
            <a:lvl1pPr algn="l">
              <a:defRPr sz="54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5" name="Bilde 4">
            <a:extLst>
              <a:ext uri="{FF2B5EF4-FFF2-40B4-BE49-F238E27FC236}">
                <a16:creationId xmlns:a16="http://schemas.microsoft.com/office/drawing/2014/main" id="{3D305D02-7876-3935-B22C-1F2C4015931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7" name="Bilde 6">
            <a:extLst>
              <a:ext uri="{FF2B5EF4-FFF2-40B4-BE49-F238E27FC236}">
                <a16:creationId xmlns:a16="http://schemas.microsoft.com/office/drawing/2014/main" id="{A72C9EB6-E53C-1234-B29C-92651FD1E5A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8" name="Undertittel 2">
            <a:extLst>
              <a:ext uri="{FF2B5EF4-FFF2-40B4-BE49-F238E27FC236}">
                <a16:creationId xmlns:a16="http://schemas.microsoft.com/office/drawing/2014/main" id="{38187517-7754-0327-D71B-F760BA70326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199" y="5123507"/>
            <a:ext cx="10477500" cy="918000"/>
          </a:xfrm>
        </p:spPr>
        <p:txBody>
          <a:bodyPr>
            <a:noAutofit/>
          </a:bodyPr>
          <a:lstStyle>
            <a:lvl1pPr marL="0" indent="0" algn="l">
              <a:buNone/>
              <a:defRPr sz="20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her for å redigere undertittel</a:t>
            </a:r>
          </a:p>
        </p:txBody>
      </p:sp>
    </p:spTree>
    <p:extLst>
      <p:ext uri="{BB962C8B-B14F-4D97-AF65-F5344CB8AC3E}">
        <p14:creationId xmlns:p14="http://schemas.microsoft.com/office/powerpoint/2010/main" val="1162070937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Teks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9" name="Plassholder for innhold 3">
            <a:extLst>
              <a:ext uri="{FF2B5EF4-FFF2-40B4-BE49-F238E27FC236}">
                <a16:creationId xmlns:a16="http://schemas.microsoft.com/office/drawing/2014/main" id="{388CF389-7C8D-EEA1-31B4-55442084B28E}"/>
              </a:ext>
            </a:extLst>
          </p:cNvPr>
          <p:cNvSpPr>
            <a:spLocks noGrp="1"/>
          </p:cNvSpPr>
          <p:nvPr>
            <p:ph sz="half" idx="20" hasCustomPrompt="1"/>
          </p:nvPr>
        </p:nvSpPr>
        <p:spPr>
          <a:xfrm>
            <a:off x="839788" y="2267999"/>
            <a:ext cx="2494309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23" name="Plassholder for innhold 3">
            <a:extLst>
              <a:ext uri="{FF2B5EF4-FFF2-40B4-BE49-F238E27FC236}">
                <a16:creationId xmlns:a16="http://schemas.microsoft.com/office/drawing/2014/main" id="{CC29C972-1D9B-4B6D-E6BB-52CEDDCD3EF2}"/>
              </a:ext>
            </a:extLst>
          </p:cNvPr>
          <p:cNvSpPr>
            <a:spLocks noGrp="1"/>
          </p:cNvSpPr>
          <p:nvPr>
            <p:ph sz="half" idx="22" hasCustomPrompt="1"/>
          </p:nvPr>
        </p:nvSpPr>
        <p:spPr>
          <a:xfrm>
            <a:off x="3522029" y="2267999"/>
            <a:ext cx="2494308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27" name="Plassholder for innhold 3">
            <a:extLst>
              <a:ext uri="{FF2B5EF4-FFF2-40B4-BE49-F238E27FC236}">
                <a16:creationId xmlns:a16="http://schemas.microsoft.com/office/drawing/2014/main" id="{F545F5B4-B651-1C86-2C52-4C80415C799C}"/>
              </a:ext>
            </a:extLst>
          </p:cNvPr>
          <p:cNvSpPr>
            <a:spLocks noGrp="1"/>
          </p:cNvSpPr>
          <p:nvPr>
            <p:ph sz="half" idx="24" hasCustomPrompt="1"/>
          </p:nvPr>
        </p:nvSpPr>
        <p:spPr>
          <a:xfrm>
            <a:off x="6204269" y="2267999"/>
            <a:ext cx="2494308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31" name="Plassholder for innhold 3">
            <a:extLst>
              <a:ext uri="{FF2B5EF4-FFF2-40B4-BE49-F238E27FC236}">
                <a16:creationId xmlns:a16="http://schemas.microsoft.com/office/drawing/2014/main" id="{0A09262D-5892-1BF7-9BD0-E4C6837201DD}"/>
              </a:ext>
            </a:extLst>
          </p:cNvPr>
          <p:cNvSpPr>
            <a:spLocks noGrp="1"/>
          </p:cNvSpPr>
          <p:nvPr>
            <p:ph sz="half" idx="26" hasCustomPrompt="1"/>
          </p:nvPr>
        </p:nvSpPr>
        <p:spPr>
          <a:xfrm>
            <a:off x="8886508" y="2267999"/>
            <a:ext cx="2486486" cy="378000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" name="Plassholder for tekst 2">
            <a:extLst>
              <a:ext uri="{FF2B5EF4-FFF2-40B4-BE49-F238E27FC236}">
                <a16:creationId xmlns:a16="http://schemas.microsoft.com/office/drawing/2014/main" id="{EB52822C-389B-02B5-77CB-00A2F2A19205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2494309" cy="720000"/>
          </a:xfrm>
        </p:spPr>
        <p:txBody>
          <a:bodyPr tIns="0" bIns="0" anchor="b">
            <a:noAutofit/>
          </a:bodyPr>
          <a:lstStyle>
            <a:lvl1pPr marL="0" indent="0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5" name="Plassholder for tekst 2">
            <a:extLst>
              <a:ext uri="{FF2B5EF4-FFF2-40B4-BE49-F238E27FC236}">
                <a16:creationId xmlns:a16="http://schemas.microsoft.com/office/drawing/2014/main" id="{30575862-313C-06EC-3CFB-8DDF2EAD21EC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3519421" y="1439999"/>
            <a:ext cx="2494309" cy="720000"/>
          </a:xfrm>
        </p:spPr>
        <p:txBody>
          <a:bodyPr tIns="0" bIns="0" anchor="b">
            <a:noAutofit/>
          </a:bodyPr>
          <a:lstStyle>
            <a:lvl1pPr marL="0" indent="0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AED9E499-755F-23D6-61A7-E4EDE1FCCDCA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6199053" y="1439999"/>
            <a:ext cx="2494309" cy="720000"/>
          </a:xfrm>
        </p:spPr>
        <p:txBody>
          <a:bodyPr tIns="0" bIns="0" anchor="b">
            <a:noAutofit/>
          </a:bodyPr>
          <a:lstStyle>
            <a:lvl1pPr marL="0" indent="0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8" name="Plassholder for tekst 2">
            <a:extLst>
              <a:ext uri="{FF2B5EF4-FFF2-40B4-BE49-F238E27FC236}">
                <a16:creationId xmlns:a16="http://schemas.microsoft.com/office/drawing/2014/main" id="{8216A9D3-E544-5C9C-4688-A5922523B96B}"/>
              </a:ext>
            </a:extLst>
          </p:cNvPr>
          <p:cNvSpPr>
            <a:spLocks noGrp="1"/>
          </p:cNvSpPr>
          <p:nvPr>
            <p:ph type="body" idx="29" hasCustomPrompt="1"/>
          </p:nvPr>
        </p:nvSpPr>
        <p:spPr>
          <a:xfrm>
            <a:off x="8878685" y="1439999"/>
            <a:ext cx="2494309" cy="720000"/>
          </a:xfrm>
        </p:spPr>
        <p:txBody>
          <a:bodyPr tIns="0" bIns="0" anchor="b">
            <a:noAutofit/>
          </a:bodyPr>
          <a:lstStyle>
            <a:lvl1pPr marL="0" indent="0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2" name="Tittel 1">
            <a:extLst>
              <a:ext uri="{FF2B5EF4-FFF2-40B4-BE49-F238E27FC236}">
                <a16:creationId xmlns:a16="http://schemas.microsoft.com/office/drawing/2014/main" id="{E3517D6D-87BB-A9F3-61CB-A995BEDC417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8848B109-EBF5-77AA-5D7D-ACD669DA91A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2851895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Tekst og bilde (v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e 2">
            <a:extLst>
              <a:ext uri="{FF2B5EF4-FFF2-40B4-BE49-F238E27FC236}">
                <a16:creationId xmlns:a16="http://schemas.microsoft.com/office/drawing/2014/main" id="{72D443DA-D27E-17FF-E435-DAB163107B7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" name="Plassholder for bilde 9">
            <a:extLst>
              <a:ext uri="{FF2B5EF4-FFF2-40B4-BE49-F238E27FC236}">
                <a16:creationId xmlns:a16="http://schemas.microsoft.com/office/drawing/2014/main" id="{3BACA57F-85BE-139F-91B9-37FB736F8B0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195033" y="827313"/>
            <a:ext cx="4159699" cy="5197250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4" name="Tittel 1">
            <a:extLst>
              <a:ext uri="{FF2B5EF4-FFF2-40B4-BE49-F238E27FC236}">
                <a16:creationId xmlns:a16="http://schemas.microsoft.com/office/drawing/2014/main" id="{C594661E-C4FF-10DC-3988-0F0BBC366F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5604555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5" name="Plassholder for innhold 2">
            <a:extLst>
              <a:ext uri="{FF2B5EF4-FFF2-40B4-BE49-F238E27FC236}">
                <a16:creationId xmlns:a16="http://schemas.microsoft.com/office/drawing/2014/main" id="{23A496AA-F02B-2E10-FD69-1F9ACEF8C1F1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838200" y="1440000"/>
            <a:ext cx="5604554" cy="4608000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7" name="Bilde 2">
            <a:extLst>
              <a:ext uri="{FF2B5EF4-FFF2-40B4-BE49-F238E27FC236}">
                <a16:creationId xmlns:a16="http://schemas.microsoft.com/office/drawing/2014/main" id="{D8A765A4-E365-F05E-EE18-48BBE3095D0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305763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Tekst og bilde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e 2">
            <a:extLst>
              <a:ext uri="{FF2B5EF4-FFF2-40B4-BE49-F238E27FC236}">
                <a16:creationId xmlns:a16="http://schemas.microsoft.com/office/drawing/2014/main" id="{1B8BA4A6-5555-23B4-3714-F0D89074140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7" name="Plassholder for bilde 19">
            <a:extLst>
              <a:ext uri="{FF2B5EF4-FFF2-40B4-BE49-F238E27FC236}">
                <a16:creationId xmlns:a16="http://schemas.microsoft.com/office/drawing/2014/main" id="{2EFFD18C-C65F-262E-6381-F5265C5CFA8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193387" y="828676"/>
            <a:ext cx="4161336" cy="5199973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4" name="Tittel 1">
            <a:extLst>
              <a:ext uri="{FF2B5EF4-FFF2-40B4-BE49-F238E27FC236}">
                <a16:creationId xmlns:a16="http://schemas.microsoft.com/office/drawing/2014/main" id="{5890C360-8E16-F0D8-EF74-3C93CA06FCE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5604555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5" name="Plassholder for innhold 2">
            <a:extLst>
              <a:ext uri="{FF2B5EF4-FFF2-40B4-BE49-F238E27FC236}">
                <a16:creationId xmlns:a16="http://schemas.microsoft.com/office/drawing/2014/main" id="{55211319-9021-4DAE-9EA8-66592C2F99A6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838200" y="1440000"/>
            <a:ext cx="5604554" cy="4608000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6" name="Bilde 2">
            <a:extLst>
              <a:ext uri="{FF2B5EF4-FFF2-40B4-BE49-F238E27FC236}">
                <a16:creationId xmlns:a16="http://schemas.microsoft.com/office/drawing/2014/main" id="{6F2A8265-4C83-B3F2-0EC4-78B8998279E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32373176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Tekst og bilde (v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e 2">
            <a:extLst>
              <a:ext uri="{FF2B5EF4-FFF2-40B4-BE49-F238E27FC236}">
                <a16:creationId xmlns:a16="http://schemas.microsoft.com/office/drawing/2014/main" id="{D50E2117-7370-192A-C148-E28C8DFD595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" name="Plassholder for bilde 9">
            <a:extLst>
              <a:ext uri="{FF2B5EF4-FFF2-40B4-BE49-F238E27FC236}">
                <a16:creationId xmlns:a16="http://schemas.microsoft.com/office/drawing/2014/main" id="{882341E6-00CD-A626-E67F-3C1EC0B94A7E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187617" y="821438"/>
            <a:ext cx="4167119" cy="5207147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5" name="Tittel 1">
            <a:extLst>
              <a:ext uri="{FF2B5EF4-FFF2-40B4-BE49-F238E27FC236}">
                <a16:creationId xmlns:a16="http://schemas.microsoft.com/office/drawing/2014/main" id="{6508CDE1-28F8-3884-BEB1-2143523A036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5604555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6" name="Plassholder for innhold 2">
            <a:extLst>
              <a:ext uri="{FF2B5EF4-FFF2-40B4-BE49-F238E27FC236}">
                <a16:creationId xmlns:a16="http://schemas.microsoft.com/office/drawing/2014/main" id="{7037E0A0-76E3-469D-C61B-D49D79D06AAF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838200" y="1440000"/>
            <a:ext cx="5604554" cy="4608000"/>
          </a:xfrm>
        </p:spPr>
        <p:txBody>
          <a:bodyPr anchor="t"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7" name="Bilde 2">
            <a:extLst>
              <a:ext uri="{FF2B5EF4-FFF2-40B4-BE49-F238E27FC236}">
                <a16:creationId xmlns:a16="http://schemas.microsoft.com/office/drawing/2014/main" id="{2BB85851-C2F8-6CEC-7E5E-3DAE637CEE6F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56176359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Tekster og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5" name="Plassholder for innhold 3">
            <a:extLst>
              <a:ext uri="{FF2B5EF4-FFF2-40B4-BE49-F238E27FC236}">
                <a16:creationId xmlns:a16="http://schemas.microsoft.com/office/drawing/2014/main" id="{D803BA19-787A-BF2B-4B32-3940DD68E85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43517" y="4716000"/>
            <a:ext cx="510211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6" name="Plassholder for innhold 3">
            <a:extLst>
              <a:ext uri="{FF2B5EF4-FFF2-40B4-BE49-F238E27FC236}">
                <a16:creationId xmlns:a16="http://schemas.microsoft.com/office/drawing/2014/main" id="{2184F4D8-439E-8411-8CAC-50791DB90DBB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6252124" y="4716000"/>
            <a:ext cx="510211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9" name="Plassholder for tekst 2">
            <a:extLst>
              <a:ext uri="{FF2B5EF4-FFF2-40B4-BE49-F238E27FC236}">
                <a16:creationId xmlns:a16="http://schemas.microsoft.com/office/drawing/2014/main" id="{D9D54EDD-FD96-438A-C2B8-5E625E1C779A}"/>
              </a:ext>
            </a:extLst>
          </p:cNvPr>
          <p:cNvSpPr>
            <a:spLocks noGrp="1"/>
          </p:cNvSpPr>
          <p:nvPr>
            <p:ph type="body" idx="17" hasCustomPrompt="1"/>
          </p:nvPr>
        </p:nvSpPr>
        <p:spPr>
          <a:xfrm>
            <a:off x="6246925" y="3996000"/>
            <a:ext cx="510211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50" name="Plassholder for tekst 2">
            <a:extLst>
              <a:ext uri="{FF2B5EF4-FFF2-40B4-BE49-F238E27FC236}">
                <a16:creationId xmlns:a16="http://schemas.microsoft.com/office/drawing/2014/main" id="{321B0A13-19E8-6EAF-D8A6-C099FA37D055}"/>
              </a:ext>
            </a:extLst>
          </p:cNvPr>
          <p:cNvSpPr>
            <a:spLocks noGrp="1"/>
          </p:cNvSpPr>
          <p:nvPr>
            <p:ph type="body" idx="18" hasCustomPrompt="1"/>
          </p:nvPr>
        </p:nvSpPr>
        <p:spPr>
          <a:xfrm>
            <a:off x="838199" y="3996000"/>
            <a:ext cx="510211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10" name="Plassholder for bilde 9">
            <a:extLst>
              <a:ext uri="{FF2B5EF4-FFF2-40B4-BE49-F238E27FC236}">
                <a16:creationId xmlns:a16="http://schemas.microsoft.com/office/drawing/2014/main" id="{D474810F-C877-278E-54D5-2CB25AE11E2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38199" y="1440000"/>
            <a:ext cx="5807594" cy="2453607"/>
          </a:xfrm>
          <a:custGeom>
            <a:avLst/>
            <a:gdLst>
              <a:gd name="connsiteX0" fmla="*/ 550291 w 5807594"/>
              <a:gd name="connsiteY0" fmla="*/ 0 h 2453607"/>
              <a:gd name="connsiteX1" fmla="*/ 5702130 w 5807594"/>
              <a:gd name="connsiteY1" fmla="*/ 0 h 2453607"/>
              <a:gd name="connsiteX2" fmla="*/ 5792429 w 5807594"/>
              <a:gd name="connsiteY2" fmla="*/ 159512 h 2453607"/>
              <a:gd name="connsiteX3" fmla="*/ 4446757 w 5807594"/>
              <a:gd name="connsiteY3" fmla="*/ 2402484 h 2453607"/>
              <a:gd name="connsiteX4" fmla="*/ 4356457 w 5807594"/>
              <a:gd name="connsiteY4" fmla="*/ 2453607 h 2453607"/>
              <a:gd name="connsiteX5" fmla="*/ 105308 w 5807594"/>
              <a:gd name="connsiteY5" fmla="*/ 2453607 h 2453607"/>
              <a:gd name="connsiteX6" fmla="*/ 0 w 5807594"/>
              <a:gd name="connsiteY6" fmla="*/ 2348290 h 2453607"/>
              <a:gd name="connsiteX7" fmla="*/ 0 w 5807594"/>
              <a:gd name="connsiteY7" fmla="*/ 847047 h 2453607"/>
              <a:gd name="connsiteX8" fmla="*/ 15009 w 5807594"/>
              <a:gd name="connsiteY8" fmla="*/ 792853 h 2453607"/>
              <a:gd name="connsiteX9" fmla="*/ 459991 w 5807594"/>
              <a:gd name="connsiteY9" fmla="*/ 51123 h 2453607"/>
              <a:gd name="connsiteX10" fmla="*/ 550291 w 5807594"/>
              <a:gd name="connsiteY10" fmla="*/ 0 h 24536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807594" h="2453607">
                <a:moveTo>
                  <a:pt x="550291" y="0"/>
                </a:moveTo>
                <a:lnTo>
                  <a:pt x="5702130" y="0"/>
                </a:lnTo>
                <a:cubicBezTo>
                  <a:pt x="5783983" y="0"/>
                  <a:pt x="5834532" y="89317"/>
                  <a:pt x="5792429" y="159512"/>
                </a:cubicBezTo>
                <a:lnTo>
                  <a:pt x="4446757" y="2402484"/>
                </a:lnTo>
                <a:cubicBezTo>
                  <a:pt x="4427736" y="2434213"/>
                  <a:pt x="4393459" y="2453607"/>
                  <a:pt x="4356457" y="2453607"/>
                </a:cubicBezTo>
                <a:lnTo>
                  <a:pt x="105308" y="2453607"/>
                </a:lnTo>
                <a:cubicBezTo>
                  <a:pt x="47156" y="2453607"/>
                  <a:pt x="0" y="2406447"/>
                  <a:pt x="0" y="2348290"/>
                </a:cubicBezTo>
                <a:lnTo>
                  <a:pt x="0" y="847047"/>
                </a:lnTo>
                <a:cubicBezTo>
                  <a:pt x="0" y="827950"/>
                  <a:pt x="5176" y="809225"/>
                  <a:pt x="15009" y="792853"/>
                </a:cubicBezTo>
                <a:lnTo>
                  <a:pt x="459991" y="51123"/>
                </a:lnTo>
                <a:cubicBezTo>
                  <a:pt x="479037" y="19419"/>
                  <a:pt x="513314" y="0"/>
                  <a:pt x="550291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1" name="Plassholder for bilde 10">
            <a:extLst>
              <a:ext uri="{FF2B5EF4-FFF2-40B4-BE49-F238E27FC236}">
                <a16:creationId xmlns:a16="http://schemas.microsoft.com/office/drawing/2014/main" id="{A57A2679-F056-ADC0-F625-225E8A90F17C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544444" y="1440000"/>
            <a:ext cx="5804594" cy="2453607"/>
          </a:xfrm>
          <a:custGeom>
            <a:avLst/>
            <a:gdLst>
              <a:gd name="connsiteX0" fmla="*/ 1451113 w 5804594"/>
              <a:gd name="connsiteY0" fmla="*/ 0 h 2453607"/>
              <a:gd name="connsiteX1" fmla="*/ 5702287 w 5804594"/>
              <a:gd name="connsiteY1" fmla="*/ 0 h 2453607"/>
              <a:gd name="connsiteX2" fmla="*/ 5799318 w 5804594"/>
              <a:gd name="connsiteY2" fmla="*/ 64326 h 2453607"/>
              <a:gd name="connsiteX3" fmla="*/ 5804594 w 5804594"/>
              <a:gd name="connsiteY3" fmla="*/ 90455 h 2453607"/>
              <a:gd name="connsiteX4" fmla="*/ 5804594 w 5804594"/>
              <a:gd name="connsiteY4" fmla="*/ 1617397 h 2453607"/>
              <a:gd name="connsiteX5" fmla="*/ 5792587 w 5804594"/>
              <a:gd name="connsiteY5" fmla="*/ 1660755 h 2453607"/>
              <a:gd name="connsiteX6" fmla="*/ 5347604 w 5804594"/>
              <a:gd name="connsiteY6" fmla="*/ 2402484 h 2453607"/>
              <a:gd name="connsiteX7" fmla="*/ 5257305 w 5804594"/>
              <a:gd name="connsiteY7" fmla="*/ 2453607 h 2453607"/>
              <a:gd name="connsiteX8" fmla="*/ 105466 w 5804594"/>
              <a:gd name="connsiteY8" fmla="*/ 2453607 h 2453607"/>
              <a:gd name="connsiteX9" fmla="*/ 15166 w 5804594"/>
              <a:gd name="connsiteY9" fmla="*/ 2294096 h 2453607"/>
              <a:gd name="connsiteX10" fmla="*/ 1360814 w 5804594"/>
              <a:gd name="connsiteY10" fmla="*/ 51123 h 2453607"/>
              <a:gd name="connsiteX11" fmla="*/ 1451113 w 5804594"/>
              <a:gd name="connsiteY11" fmla="*/ 0 h 24536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804594" h="2453607">
                <a:moveTo>
                  <a:pt x="1451113" y="0"/>
                </a:moveTo>
                <a:lnTo>
                  <a:pt x="5702287" y="0"/>
                </a:lnTo>
                <a:cubicBezTo>
                  <a:pt x="5745901" y="0"/>
                  <a:pt x="5783330" y="26528"/>
                  <a:pt x="5799318" y="64326"/>
                </a:cubicBezTo>
                <a:lnTo>
                  <a:pt x="5804594" y="90455"/>
                </a:lnTo>
                <a:lnTo>
                  <a:pt x="5804594" y="1617397"/>
                </a:lnTo>
                <a:lnTo>
                  <a:pt x="5792587" y="1660755"/>
                </a:lnTo>
                <a:lnTo>
                  <a:pt x="5347604" y="2402484"/>
                </a:lnTo>
                <a:cubicBezTo>
                  <a:pt x="5328583" y="2434213"/>
                  <a:pt x="5294306" y="2453607"/>
                  <a:pt x="5257305" y="2453607"/>
                </a:cubicBezTo>
                <a:lnTo>
                  <a:pt x="105466" y="2453607"/>
                </a:lnTo>
                <a:cubicBezTo>
                  <a:pt x="23612" y="2453607"/>
                  <a:pt x="-26937" y="2364291"/>
                  <a:pt x="15166" y="2294096"/>
                </a:cubicBezTo>
                <a:lnTo>
                  <a:pt x="1360814" y="51123"/>
                </a:lnTo>
                <a:cubicBezTo>
                  <a:pt x="1379835" y="19394"/>
                  <a:pt x="1414112" y="0"/>
                  <a:pt x="1451113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3" name="Tittel 1">
            <a:extLst>
              <a:ext uri="{FF2B5EF4-FFF2-40B4-BE49-F238E27FC236}">
                <a16:creationId xmlns:a16="http://schemas.microsoft.com/office/drawing/2014/main" id="{AA838C6F-4841-0C06-EE18-C88AD02221B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4" name="Bilde 2">
            <a:extLst>
              <a:ext uri="{FF2B5EF4-FFF2-40B4-BE49-F238E27FC236}">
                <a16:creationId xmlns:a16="http://schemas.microsoft.com/office/drawing/2014/main" id="{68CA8174-378A-B772-2FD5-7279B2EC9CD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69903969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 og bilder (v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5" name="Plassholder for innhold 3">
            <a:extLst>
              <a:ext uri="{FF2B5EF4-FFF2-40B4-BE49-F238E27FC236}">
                <a16:creationId xmlns:a16="http://schemas.microsoft.com/office/drawing/2014/main" id="{D803BA19-787A-BF2B-4B32-3940DD68E85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6" name="Plassholder for innhold 3">
            <a:extLst>
              <a:ext uri="{FF2B5EF4-FFF2-40B4-BE49-F238E27FC236}">
                <a16:creationId xmlns:a16="http://schemas.microsoft.com/office/drawing/2014/main" id="{2184F4D8-439E-8411-8CAC-50791DB90DBB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417200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7" name="Plassholder for innhold 3">
            <a:extLst>
              <a:ext uri="{FF2B5EF4-FFF2-40B4-BE49-F238E27FC236}">
                <a16:creationId xmlns:a16="http://schemas.microsoft.com/office/drawing/2014/main" id="{716427F7-B558-E305-F237-770008E04BF9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7999200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8" name="Plassholder for tekst 2">
            <a:extLst>
              <a:ext uri="{FF2B5EF4-FFF2-40B4-BE49-F238E27FC236}">
                <a16:creationId xmlns:a16="http://schemas.microsoft.com/office/drawing/2014/main" id="{4C7E3C2E-8599-08BA-7124-C35BFD36608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999200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49" name="Plassholder for tekst 2">
            <a:extLst>
              <a:ext uri="{FF2B5EF4-FFF2-40B4-BE49-F238E27FC236}">
                <a16:creationId xmlns:a16="http://schemas.microsoft.com/office/drawing/2014/main" id="{D9D54EDD-FD96-438A-C2B8-5E625E1C779A}"/>
              </a:ext>
            </a:extLst>
          </p:cNvPr>
          <p:cNvSpPr>
            <a:spLocks noGrp="1"/>
          </p:cNvSpPr>
          <p:nvPr>
            <p:ph type="body" idx="17" hasCustomPrompt="1"/>
          </p:nvPr>
        </p:nvSpPr>
        <p:spPr>
          <a:xfrm>
            <a:off x="4417200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50" name="Plassholder for tekst 2">
            <a:extLst>
              <a:ext uri="{FF2B5EF4-FFF2-40B4-BE49-F238E27FC236}">
                <a16:creationId xmlns:a16="http://schemas.microsoft.com/office/drawing/2014/main" id="{321B0A13-19E8-6EAF-D8A6-C099FA37D055}"/>
              </a:ext>
            </a:extLst>
          </p:cNvPr>
          <p:cNvSpPr>
            <a:spLocks noGrp="1"/>
          </p:cNvSpPr>
          <p:nvPr>
            <p:ph type="body" idx="18" hasCustomPrompt="1"/>
          </p:nvPr>
        </p:nvSpPr>
        <p:spPr>
          <a:xfrm>
            <a:off x="834471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14" name="Plassholder for bilde 13">
            <a:extLst>
              <a:ext uri="{FF2B5EF4-FFF2-40B4-BE49-F238E27FC236}">
                <a16:creationId xmlns:a16="http://schemas.microsoft.com/office/drawing/2014/main" id="{87EAD5F9-13E1-1894-0AFA-8C4434C77B60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38851" y="1440000"/>
            <a:ext cx="4090316" cy="2446390"/>
          </a:xfrm>
          <a:custGeom>
            <a:avLst/>
            <a:gdLst>
              <a:gd name="connsiteX0" fmla="*/ 550303 w 4090316"/>
              <a:gd name="connsiteY0" fmla="*/ 0 h 2446390"/>
              <a:gd name="connsiteX1" fmla="*/ 3984850 w 4090316"/>
              <a:gd name="connsiteY1" fmla="*/ 0 h 2446390"/>
              <a:gd name="connsiteX2" fmla="*/ 4075151 w 4090316"/>
              <a:gd name="connsiteY2" fmla="*/ 159447 h 2446390"/>
              <a:gd name="connsiteX3" fmla="*/ 2729448 w 4090316"/>
              <a:gd name="connsiteY3" fmla="*/ 2401514 h 2446390"/>
              <a:gd name="connsiteX4" fmla="*/ 2691040 w 4090316"/>
              <a:gd name="connsiteY4" fmla="*/ 2438960 h 2446390"/>
              <a:gd name="connsiteX5" fmla="*/ 2662807 w 4090316"/>
              <a:gd name="connsiteY5" fmla="*/ 2446390 h 2446390"/>
              <a:gd name="connsiteX6" fmla="*/ 74463 w 4090316"/>
              <a:gd name="connsiteY6" fmla="*/ 2446390 h 2446390"/>
              <a:gd name="connsiteX7" fmla="*/ 64322 w 4090316"/>
              <a:gd name="connsiteY7" fmla="*/ 2444343 h 2446390"/>
              <a:gd name="connsiteX8" fmla="*/ 0 w 4090316"/>
              <a:gd name="connsiteY8" fmla="*/ 2347342 h 2446390"/>
              <a:gd name="connsiteX9" fmla="*/ 0 w 4090316"/>
              <a:gd name="connsiteY9" fmla="*/ 846705 h 2446390"/>
              <a:gd name="connsiteX10" fmla="*/ 15009 w 4090316"/>
              <a:gd name="connsiteY10" fmla="*/ 792532 h 2446390"/>
              <a:gd name="connsiteX11" fmla="*/ 460002 w 4090316"/>
              <a:gd name="connsiteY11" fmla="*/ 51102 h 2446390"/>
              <a:gd name="connsiteX12" fmla="*/ 550303 w 4090316"/>
              <a:gd name="connsiteY12" fmla="*/ 0 h 244639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090316" h="2446390">
                <a:moveTo>
                  <a:pt x="550303" y="0"/>
                </a:moveTo>
                <a:lnTo>
                  <a:pt x="3984850" y="0"/>
                </a:lnTo>
                <a:cubicBezTo>
                  <a:pt x="4066706" y="0"/>
                  <a:pt x="4117256" y="89281"/>
                  <a:pt x="4075151" y="159447"/>
                </a:cubicBezTo>
                <a:lnTo>
                  <a:pt x="2729448" y="2401514"/>
                </a:lnTo>
                <a:cubicBezTo>
                  <a:pt x="2719938" y="2417373"/>
                  <a:pt x="2706613" y="2430149"/>
                  <a:pt x="2691040" y="2438960"/>
                </a:cubicBezTo>
                <a:lnTo>
                  <a:pt x="2662807" y="2446390"/>
                </a:lnTo>
                <a:lnTo>
                  <a:pt x="74463" y="2446390"/>
                </a:lnTo>
                <a:lnTo>
                  <a:pt x="64322" y="2444343"/>
                </a:lnTo>
                <a:cubicBezTo>
                  <a:pt x="26526" y="2428360"/>
                  <a:pt x="0" y="2390943"/>
                  <a:pt x="0" y="2347342"/>
                </a:cubicBezTo>
                <a:lnTo>
                  <a:pt x="0" y="846705"/>
                </a:lnTo>
                <a:cubicBezTo>
                  <a:pt x="0" y="827616"/>
                  <a:pt x="5176" y="808898"/>
                  <a:pt x="15009" y="792532"/>
                </a:cubicBezTo>
                <a:lnTo>
                  <a:pt x="460002" y="51102"/>
                </a:lnTo>
                <a:cubicBezTo>
                  <a:pt x="479048" y="19411"/>
                  <a:pt x="513326" y="0"/>
                  <a:pt x="550303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5" name="Plassholder for bilde 14">
            <a:extLst>
              <a:ext uri="{FF2B5EF4-FFF2-40B4-BE49-F238E27FC236}">
                <a16:creationId xmlns:a16="http://schemas.microsoft.com/office/drawing/2014/main" id="{22A35B71-796D-56B5-4257-E352D09B60F4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3747679" y="1440000"/>
            <a:ext cx="4693549" cy="2444831"/>
          </a:xfrm>
          <a:custGeom>
            <a:avLst/>
            <a:gdLst>
              <a:gd name="connsiteX0" fmla="*/ 1446076 w 4693549"/>
              <a:gd name="connsiteY0" fmla="*/ 0 h 2444831"/>
              <a:gd name="connsiteX1" fmla="*/ 4588451 w 4693549"/>
              <a:gd name="connsiteY1" fmla="*/ 0 h 2444831"/>
              <a:gd name="connsiteX2" fmla="*/ 4678437 w 4693549"/>
              <a:gd name="connsiteY2" fmla="*/ 158946 h 2444831"/>
              <a:gd name="connsiteX3" fmla="*/ 3337435 w 4693549"/>
              <a:gd name="connsiteY3" fmla="*/ 2393965 h 2444831"/>
              <a:gd name="connsiteX4" fmla="*/ 3299162 w 4693549"/>
              <a:gd name="connsiteY4" fmla="*/ 2431283 h 2444831"/>
              <a:gd name="connsiteX5" fmla="*/ 3247738 w 4693549"/>
              <a:gd name="connsiteY5" fmla="*/ 2444831 h 2444831"/>
              <a:gd name="connsiteX6" fmla="*/ 104543 w 4693549"/>
              <a:gd name="connsiteY6" fmla="*/ 2444831 h 2444831"/>
              <a:gd name="connsiteX7" fmla="*/ 76092 w 4693549"/>
              <a:gd name="connsiteY7" fmla="*/ 2440946 h 2444831"/>
              <a:gd name="connsiteX8" fmla="*/ 15113 w 4693549"/>
              <a:gd name="connsiteY8" fmla="*/ 2285961 h 2444831"/>
              <a:gd name="connsiteX9" fmla="*/ 1356091 w 4693549"/>
              <a:gd name="connsiteY9" fmla="*/ 50942 h 2444831"/>
              <a:gd name="connsiteX10" fmla="*/ 1446076 w 4693549"/>
              <a:gd name="connsiteY10" fmla="*/ 0 h 244483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693549" h="2444831">
                <a:moveTo>
                  <a:pt x="1446076" y="0"/>
                </a:moveTo>
                <a:lnTo>
                  <a:pt x="4588451" y="0"/>
                </a:lnTo>
                <a:cubicBezTo>
                  <a:pt x="4670021" y="0"/>
                  <a:pt x="4720394" y="89000"/>
                  <a:pt x="4678437" y="158946"/>
                </a:cubicBezTo>
                <a:lnTo>
                  <a:pt x="3337435" y="2393965"/>
                </a:lnTo>
                <a:cubicBezTo>
                  <a:pt x="3327958" y="2409761"/>
                  <a:pt x="3314680" y="2422497"/>
                  <a:pt x="3299162" y="2431283"/>
                </a:cubicBezTo>
                <a:lnTo>
                  <a:pt x="3247738" y="2444831"/>
                </a:lnTo>
                <a:lnTo>
                  <a:pt x="104543" y="2444831"/>
                </a:lnTo>
                <a:lnTo>
                  <a:pt x="76092" y="2440946"/>
                </a:lnTo>
                <a:cubicBezTo>
                  <a:pt x="12378" y="2422955"/>
                  <a:pt x="-21600" y="2347164"/>
                  <a:pt x="15113" y="2285961"/>
                </a:cubicBezTo>
                <a:lnTo>
                  <a:pt x="1356091" y="50942"/>
                </a:lnTo>
                <a:cubicBezTo>
                  <a:pt x="1375045" y="19350"/>
                  <a:pt x="1409203" y="0"/>
                  <a:pt x="144607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6" name="Plassholder for bilde 15">
            <a:extLst>
              <a:ext uri="{FF2B5EF4-FFF2-40B4-BE49-F238E27FC236}">
                <a16:creationId xmlns:a16="http://schemas.microsoft.com/office/drawing/2014/main" id="{F192C758-8ED4-4059-815F-EE9B52B6CA0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262835" y="1440000"/>
            <a:ext cx="4115796" cy="2446390"/>
          </a:xfrm>
          <a:custGeom>
            <a:avLst/>
            <a:gdLst>
              <a:gd name="connsiteX0" fmla="*/ 1447511 w 4115796"/>
              <a:gd name="connsiteY0" fmla="*/ 0 h 2446390"/>
              <a:gd name="connsiteX1" fmla="*/ 4010750 w 4115796"/>
              <a:gd name="connsiteY1" fmla="*/ 0 h 2446390"/>
              <a:gd name="connsiteX2" fmla="*/ 4115796 w 4115796"/>
              <a:gd name="connsiteY2" fmla="*/ 105053 h 2446390"/>
              <a:gd name="connsiteX3" fmla="*/ 4115796 w 4115796"/>
              <a:gd name="connsiteY3" fmla="*/ 1602531 h 2446390"/>
              <a:gd name="connsiteX4" fmla="*/ 4100825 w 4115796"/>
              <a:gd name="connsiteY4" fmla="*/ 1656590 h 2446390"/>
              <a:gd name="connsiteX5" fmla="*/ 3656947 w 4115796"/>
              <a:gd name="connsiteY5" fmla="*/ 2396459 h 2446390"/>
              <a:gd name="connsiteX6" fmla="*/ 3618635 w 4115796"/>
              <a:gd name="connsiteY6" fmla="*/ 2433825 h 2446390"/>
              <a:gd name="connsiteX7" fmla="*/ 3570912 w 4115796"/>
              <a:gd name="connsiteY7" fmla="*/ 2446390 h 2446390"/>
              <a:gd name="connsiteX8" fmla="*/ 97411 w 4115796"/>
              <a:gd name="connsiteY8" fmla="*/ 2446390 h 2446390"/>
              <a:gd name="connsiteX9" fmla="*/ 76168 w 4115796"/>
              <a:gd name="connsiteY9" fmla="*/ 2443489 h 2446390"/>
              <a:gd name="connsiteX10" fmla="*/ 15128 w 4115796"/>
              <a:gd name="connsiteY10" fmla="*/ 2288342 h 2446390"/>
              <a:gd name="connsiteX11" fmla="*/ 1357436 w 4115796"/>
              <a:gd name="connsiteY11" fmla="*/ 50995 h 2446390"/>
              <a:gd name="connsiteX12" fmla="*/ 1447511 w 4115796"/>
              <a:gd name="connsiteY12" fmla="*/ 0 h 244639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15796" h="2446390">
                <a:moveTo>
                  <a:pt x="1447511" y="0"/>
                </a:moveTo>
                <a:lnTo>
                  <a:pt x="4010750" y="0"/>
                </a:lnTo>
                <a:cubicBezTo>
                  <a:pt x="4068758" y="0"/>
                  <a:pt x="4115796" y="47042"/>
                  <a:pt x="4115796" y="105053"/>
                </a:cubicBezTo>
                <a:lnTo>
                  <a:pt x="4115796" y="1602531"/>
                </a:lnTo>
                <a:cubicBezTo>
                  <a:pt x="4115796" y="1621580"/>
                  <a:pt x="4110633" y="1640259"/>
                  <a:pt x="4100825" y="1656590"/>
                </a:cubicBezTo>
                <a:lnTo>
                  <a:pt x="3656947" y="2396459"/>
                </a:lnTo>
                <a:cubicBezTo>
                  <a:pt x="3647460" y="2412284"/>
                  <a:pt x="3634168" y="2425032"/>
                  <a:pt x="3618635" y="2433825"/>
                </a:cubicBezTo>
                <a:lnTo>
                  <a:pt x="3570912" y="2446390"/>
                </a:lnTo>
                <a:lnTo>
                  <a:pt x="97411" y="2446390"/>
                </a:lnTo>
                <a:lnTo>
                  <a:pt x="76168" y="2443489"/>
                </a:lnTo>
                <a:cubicBezTo>
                  <a:pt x="12391" y="2425479"/>
                  <a:pt x="-21621" y="2349609"/>
                  <a:pt x="15128" y="2288342"/>
                </a:cubicBezTo>
                <a:lnTo>
                  <a:pt x="1357436" y="50995"/>
                </a:lnTo>
                <a:cubicBezTo>
                  <a:pt x="1376409" y="19345"/>
                  <a:pt x="1410601" y="0"/>
                  <a:pt x="1447511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3" name="Tittel 1">
            <a:extLst>
              <a:ext uri="{FF2B5EF4-FFF2-40B4-BE49-F238E27FC236}">
                <a16:creationId xmlns:a16="http://schemas.microsoft.com/office/drawing/2014/main" id="{7AE3BC8E-337B-2220-C0AF-CA7CE6B08E9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4" name="Bilde 2">
            <a:extLst>
              <a:ext uri="{FF2B5EF4-FFF2-40B4-BE49-F238E27FC236}">
                <a16:creationId xmlns:a16="http://schemas.microsoft.com/office/drawing/2014/main" id="{3EF04F09-B495-A207-B01F-23199FA153E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6764415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 og bilder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5" name="Plassholder for innhold 3">
            <a:extLst>
              <a:ext uri="{FF2B5EF4-FFF2-40B4-BE49-F238E27FC236}">
                <a16:creationId xmlns:a16="http://schemas.microsoft.com/office/drawing/2014/main" id="{D803BA19-787A-BF2B-4B32-3940DD68E85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6" name="Plassholder for innhold 3">
            <a:extLst>
              <a:ext uri="{FF2B5EF4-FFF2-40B4-BE49-F238E27FC236}">
                <a16:creationId xmlns:a16="http://schemas.microsoft.com/office/drawing/2014/main" id="{2184F4D8-439E-8411-8CAC-50791DB90DBB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417200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7" name="Plassholder for innhold 3">
            <a:extLst>
              <a:ext uri="{FF2B5EF4-FFF2-40B4-BE49-F238E27FC236}">
                <a16:creationId xmlns:a16="http://schemas.microsoft.com/office/drawing/2014/main" id="{716427F7-B558-E305-F237-770008E04BF9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7999200" y="4716000"/>
            <a:ext cx="3014582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8" name="Plassholder for tekst 2">
            <a:extLst>
              <a:ext uri="{FF2B5EF4-FFF2-40B4-BE49-F238E27FC236}">
                <a16:creationId xmlns:a16="http://schemas.microsoft.com/office/drawing/2014/main" id="{4C7E3C2E-8599-08BA-7124-C35BFD36608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999200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49" name="Plassholder for tekst 2">
            <a:extLst>
              <a:ext uri="{FF2B5EF4-FFF2-40B4-BE49-F238E27FC236}">
                <a16:creationId xmlns:a16="http://schemas.microsoft.com/office/drawing/2014/main" id="{D9D54EDD-FD96-438A-C2B8-5E625E1C779A}"/>
              </a:ext>
            </a:extLst>
          </p:cNvPr>
          <p:cNvSpPr>
            <a:spLocks noGrp="1"/>
          </p:cNvSpPr>
          <p:nvPr>
            <p:ph type="body" idx="17" hasCustomPrompt="1"/>
          </p:nvPr>
        </p:nvSpPr>
        <p:spPr>
          <a:xfrm>
            <a:off x="4417200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50" name="Plassholder for tekst 2">
            <a:extLst>
              <a:ext uri="{FF2B5EF4-FFF2-40B4-BE49-F238E27FC236}">
                <a16:creationId xmlns:a16="http://schemas.microsoft.com/office/drawing/2014/main" id="{321B0A13-19E8-6EAF-D8A6-C099FA37D055}"/>
              </a:ext>
            </a:extLst>
          </p:cNvPr>
          <p:cNvSpPr>
            <a:spLocks noGrp="1"/>
          </p:cNvSpPr>
          <p:nvPr>
            <p:ph type="body" idx="18" hasCustomPrompt="1"/>
          </p:nvPr>
        </p:nvSpPr>
        <p:spPr>
          <a:xfrm>
            <a:off x="834471" y="3996000"/>
            <a:ext cx="3014582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12" name="Plassholder for bilde 11">
            <a:extLst>
              <a:ext uri="{FF2B5EF4-FFF2-40B4-BE49-F238E27FC236}">
                <a16:creationId xmlns:a16="http://schemas.microsoft.com/office/drawing/2014/main" id="{FDAD4CF8-FFD5-74CB-5990-00F5B5400630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36694" y="1440000"/>
            <a:ext cx="3830556" cy="2443918"/>
          </a:xfrm>
          <a:custGeom>
            <a:avLst/>
            <a:gdLst>
              <a:gd name="connsiteX0" fmla="*/ 548351 w 3830556"/>
              <a:gd name="connsiteY0" fmla="*/ 0 h 2443918"/>
              <a:gd name="connsiteX1" fmla="*/ 3726243 w 3830556"/>
              <a:gd name="connsiteY1" fmla="*/ 0 h 2443918"/>
              <a:gd name="connsiteX2" fmla="*/ 3817554 w 3830556"/>
              <a:gd name="connsiteY2" fmla="*/ 53222 h 2443918"/>
              <a:gd name="connsiteX3" fmla="*/ 3830556 w 3830556"/>
              <a:gd name="connsiteY3" fmla="*/ 101660 h 2443918"/>
              <a:gd name="connsiteX4" fmla="*/ 3830556 w 3830556"/>
              <a:gd name="connsiteY4" fmla="*/ 107359 h 2443918"/>
              <a:gd name="connsiteX5" fmla="*/ 3816224 w 3830556"/>
              <a:gd name="connsiteY5" fmla="*/ 158882 h 2443918"/>
              <a:gd name="connsiteX6" fmla="*/ 2948645 w 3830556"/>
              <a:gd name="connsiteY6" fmla="*/ 1604361 h 2443918"/>
              <a:gd name="connsiteX7" fmla="*/ 2933689 w 3830556"/>
              <a:gd name="connsiteY7" fmla="*/ 1658341 h 2443918"/>
              <a:gd name="connsiteX8" fmla="*/ 2933689 w 3830556"/>
              <a:gd name="connsiteY8" fmla="*/ 2339017 h 2443918"/>
              <a:gd name="connsiteX9" fmla="*/ 2828752 w 3830556"/>
              <a:gd name="connsiteY9" fmla="*/ 2443918 h 2443918"/>
              <a:gd name="connsiteX10" fmla="*/ 104937 w 3830556"/>
              <a:gd name="connsiteY10" fmla="*/ 2443918 h 2443918"/>
              <a:gd name="connsiteX11" fmla="*/ 0 w 3830556"/>
              <a:gd name="connsiteY11" fmla="*/ 2339017 h 2443918"/>
              <a:gd name="connsiteX12" fmla="*/ 0 w 3830556"/>
              <a:gd name="connsiteY12" fmla="*/ 843702 h 2443918"/>
              <a:gd name="connsiteX13" fmla="*/ 14956 w 3830556"/>
              <a:gd name="connsiteY13" fmla="*/ 789722 h 2443918"/>
              <a:gd name="connsiteX14" fmla="*/ 458370 w 3830556"/>
              <a:gd name="connsiteY14" fmla="*/ 50921 h 2443918"/>
              <a:gd name="connsiteX15" fmla="*/ 548351 w 3830556"/>
              <a:gd name="connsiteY15" fmla="*/ 0 h 244391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3830556" h="2443918">
                <a:moveTo>
                  <a:pt x="548351" y="0"/>
                </a:moveTo>
                <a:lnTo>
                  <a:pt x="3726243" y="0"/>
                </a:lnTo>
                <a:cubicBezTo>
                  <a:pt x="3767026" y="0"/>
                  <a:pt x="3800010" y="22241"/>
                  <a:pt x="3817554" y="53222"/>
                </a:cubicBezTo>
                <a:lnTo>
                  <a:pt x="3830556" y="101660"/>
                </a:lnTo>
                <a:lnTo>
                  <a:pt x="3830556" y="107359"/>
                </a:lnTo>
                <a:lnTo>
                  <a:pt x="3816224" y="158882"/>
                </a:lnTo>
                <a:lnTo>
                  <a:pt x="2948645" y="1604361"/>
                </a:lnTo>
                <a:cubicBezTo>
                  <a:pt x="2938847" y="1620669"/>
                  <a:pt x="2933689" y="1639320"/>
                  <a:pt x="2933689" y="1658341"/>
                </a:cubicBezTo>
                <a:lnTo>
                  <a:pt x="2933689" y="2339017"/>
                </a:lnTo>
                <a:cubicBezTo>
                  <a:pt x="2933689" y="2396945"/>
                  <a:pt x="2886700" y="2443918"/>
                  <a:pt x="2828752" y="2443918"/>
                </a:cubicBezTo>
                <a:lnTo>
                  <a:pt x="104937" y="2443918"/>
                </a:lnTo>
                <a:cubicBezTo>
                  <a:pt x="46990" y="2443918"/>
                  <a:pt x="0" y="2396945"/>
                  <a:pt x="0" y="2339017"/>
                </a:cubicBezTo>
                <a:lnTo>
                  <a:pt x="0" y="843702"/>
                </a:lnTo>
                <a:cubicBezTo>
                  <a:pt x="0" y="824681"/>
                  <a:pt x="5183" y="806029"/>
                  <a:pt x="14956" y="789722"/>
                </a:cubicBezTo>
                <a:lnTo>
                  <a:pt x="458370" y="50921"/>
                </a:lnTo>
                <a:cubicBezTo>
                  <a:pt x="477324" y="19342"/>
                  <a:pt x="511480" y="0"/>
                  <a:pt x="548351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3" name="Plassholder for bilde 12">
            <a:extLst>
              <a:ext uri="{FF2B5EF4-FFF2-40B4-BE49-F238E27FC236}">
                <a16:creationId xmlns:a16="http://schemas.microsoft.com/office/drawing/2014/main" id="{8BD6D2F2-7E27-63B6-EE8C-A9E50E6A9049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3908358" y="1440000"/>
            <a:ext cx="4399712" cy="2443919"/>
          </a:xfrm>
          <a:custGeom>
            <a:avLst/>
            <a:gdLst>
              <a:gd name="connsiteX0" fmla="*/ 1037106 w 4399712"/>
              <a:gd name="connsiteY0" fmla="*/ 0 h 2443919"/>
              <a:gd name="connsiteX1" fmla="*/ 4294796 w 4399712"/>
              <a:gd name="connsiteY1" fmla="*/ 0 h 2443919"/>
              <a:gd name="connsiteX2" fmla="*/ 4391467 w 4399712"/>
              <a:gd name="connsiteY2" fmla="*/ 64073 h 2443919"/>
              <a:gd name="connsiteX3" fmla="*/ 4399712 w 4399712"/>
              <a:gd name="connsiteY3" fmla="*/ 104897 h 2443919"/>
              <a:gd name="connsiteX4" fmla="*/ 4399712 w 4399712"/>
              <a:gd name="connsiteY4" fmla="*/ 785581 h 2443919"/>
              <a:gd name="connsiteX5" fmla="*/ 4384760 w 4399712"/>
              <a:gd name="connsiteY5" fmla="*/ 839558 h 2443919"/>
              <a:gd name="connsiteX6" fmla="*/ 3452571 w 4399712"/>
              <a:gd name="connsiteY6" fmla="*/ 2392998 h 2443919"/>
              <a:gd name="connsiteX7" fmla="*/ 3362606 w 4399712"/>
              <a:gd name="connsiteY7" fmla="*/ 2443919 h 2443919"/>
              <a:gd name="connsiteX8" fmla="*/ 104917 w 4399712"/>
              <a:gd name="connsiteY8" fmla="*/ 2443919 h 2443919"/>
              <a:gd name="connsiteX9" fmla="*/ 0 w 4399712"/>
              <a:gd name="connsiteY9" fmla="*/ 2339018 h 2443919"/>
              <a:gd name="connsiteX10" fmla="*/ 0 w 4399712"/>
              <a:gd name="connsiteY10" fmla="*/ 1658342 h 2443919"/>
              <a:gd name="connsiteX11" fmla="*/ 14953 w 4399712"/>
              <a:gd name="connsiteY11" fmla="*/ 1604362 h 2443919"/>
              <a:gd name="connsiteX12" fmla="*/ 947142 w 4399712"/>
              <a:gd name="connsiteY12" fmla="*/ 50921 h 2443919"/>
              <a:gd name="connsiteX13" fmla="*/ 1037106 w 4399712"/>
              <a:gd name="connsiteY13" fmla="*/ 0 h 24439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4399712" h="2443919">
                <a:moveTo>
                  <a:pt x="1037106" y="0"/>
                </a:moveTo>
                <a:lnTo>
                  <a:pt x="4294796" y="0"/>
                </a:lnTo>
                <a:cubicBezTo>
                  <a:pt x="4338248" y="0"/>
                  <a:pt x="4375538" y="26423"/>
                  <a:pt x="4391467" y="64073"/>
                </a:cubicBezTo>
                <a:lnTo>
                  <a:pt x="4399712" y="104897"/>
                </a:lnTo>
                <a:lnTo>
                  <a:pt x="4399712" y="785581"/>
                </a:lnTo>
                <a:lnTo>
                  <a:pt x="4384760" y="839558"/>
                </a:lnTo>
                <a:lnTo>
                  <a:pt x="3452571" y="2392998"/>
                </a:lnTo>
                <a:cubicBezTo>
                  <a:pt x="3433621" y="2424577"/>
                  <a:pt x="3399470" y="2443919"/>
                  <a:pt x="3362606" y="2443919"/>
                </a:cubicBezTo>
                <a:lnTo>
                  <a:pt x="104917" y="2443919"/>
                </a:lnTo>
                <a:cubicBezTo>
                  <a:pt x="46981" y="2443919"/>
                  <a:pt x="0" y="2396946"/>
                  <a:pt x="0" y="2339018"/>
                </a:cubicBezTo>
                <a:lnTo>
                  <a:pt x="0" y="1658342"/>
                </a:lnTo>
                <a:cubicBezTo>
                  <a:pt x="0" y="1639321"/>
                  <a:pt x="5157" y="1620669"/>
                  <a:pt x="14953" y="1604362"/>
                </a:cubicBezTo>
                <a:lnTo>
                  <a:pt x="947142" y="50921"/>
                </a:lnTo>
                <a:cubicBezTo>
                  <a:pt x="966092" y="19342"/>
                  <a:pt x="1000242" y="0"/>
                  <a:pt x="103710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7" name="Plassholder for bilde 16">
            <a:extLst>
              <a:ext uri="{FF2B5EF4-FFF2-40B4-BE49-F238E27FC236}">
                <a16:creationId xmlns:a16="http://schemas.microsoft.com/office/drawing/2014/main" id="{D4A7F752-6730-DA5D-7E66-6B2420BADC7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549310" y="1440000"/>
            <a:ext cx="3830407" cy="2443340"/>
          </a:xfrm>
          <a:custGeom>
            <a:avLst/>
            <a:gdLst>
              <a:gd name="connsiteX0" fmla="*/ 1002348 w 3830407"/>
              <a:gd name="connsiteY0" fmla="*/ 0 h 2443340"/>
              <a:gd name="connsiteX1" fmla="*/ 3725495 w 3830407"/>
              <a:gd name="connsiteY1" fmla="*/ 0 h 2443340"/>
              <a:gd name="connsiteX2" fmla="*/ 3830407 w 3830407"/>
              <a:gd name="connsiteY2" fmla="*/ 104877 h 2443340"/>
              <a:gd name="connsiteX3" fmla="*/ 3830407 w 3830407"/>
              <a:gd name="connsiteY3" fmla="*/ 1599838 h 2443340"/>
              <a:gd name="connsiteX4" fmla="*/ 3815455 w 3830407"/>
              <a:gd name="connsiteY4" fmla="*/ 1653806 h 2443340"/>
              <a:gd name="connsiteX5" fmla="*/ 3372145 w 3830407"/>
              <a:gd name="connsiteY5" fmla="*/ 2392431 h 2443340"/>
              <a:gd name="connsiteX6" fmla="*/ 3372170 w 3830407"/>
              <a:gd name="connsiteY6" fmla="*/ 2392431 h 2443340"/>
              <a:gd name="connsiteX7" fmla="*/ 3282210 w 3830407"/>
              <a:gd name="connsiteY7" fmla="*/ 2443340 h 2443340"/>
              <a:gd name="connsiteX8" fmla="*/ 105069 w 3830407"/>
              <a:gd name="connsiteY8" fmla="*/ 2443340 h 2443340"/>
              <a:gd name="connsiteX9" fmla="*/ 15109 w 3830407"/>
              <a:gd name="connsiteY9" fmla="*/ 2284496 h 2443340"/>
              <a:gd name="connsiteX10" fmla="*/ 882484 w 3830407"/>
              <a:gd name="connsiteY10" fmla="*/ 839359 h 2443340"/>
              <a:gd name="connsiteX11" fmla="*/ 897436 w 3830407"/>
              <a:gd name="connsiteY11" fmla="*/ 785391 h 2443340"/>
              <a:gd name="connsiteX12" fmla="*/ 897436 w 3830407"/>
              <a:gd name="connsiteY12" fmla="*/ 104877 h 2443340"/>
              <a:gd name="connsiteX13" fmla="*/ 1002348 w 3830407"/>
              <a:gd name="connsiteY13" fmla="*/ 0 h 24433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3830407" h="2443340">
                <a:moveTo>
                  <a:pt x="1002348" y="0"/>
                </a:moveTo>
                <a:lnTo>
                  <a:pt x="3725495" y="0"/>
                </a:lnTo>
                <a:cubicBezTo>
                  <a:pt x="3783429" y="0"/>
                  <a:pt x="3830407" y="46963"/>
                  <a:pt x="3830407" y="104877"/>
                </a:cubicBezTo>
                <a:lnTo>
                  <a:pt x="3830407" y="1599838"/>
                </a:lnTo>
                <a:cubicBezTo>
                  <a:pt x="3830407" y="1618855"/>
                  <a:pt x="3825226" y="1637502"/>
                  <a:pt x="3815455" y="1653806"/>
                </a:cubicBezTo>
                <a:lnTo>
                  <a:pt x="3372145" y="2392431"/>
                </a:lnTo>
                <a:lnTo>
                  <a:pt x="3372170" y="2392431"/>
                </a:lnTo>
                <a:cubicBezTo>
                  <a:pt x="3353220" y="2424003"/>
                  <a:pt x="3319072" y="2443340"/>
                  <a:pt x="3282210" y="2443340"/>
                </a:cubicBezTo>
                <a:lnTo>
                  <a:pt x="105069" y="2443340"/>
                </a:lnTo>
                <a:cubicBezTo>
                  <a:pt x="23523" y="2443340"/>
                  <a:pt x="-26836" y="2354398"/>
                  <a:pt x="15109" y="2284496"/>
                </a:cubicBezTo>
                <a:lnTo>
                  <a:pt x="882484" y="839359"/>
                </a:lnTo>
                <a:cubicBezTo>
                  <a:pt x="892279" y="823055"/>
                  <a:pt x="897436" y="804408"/>
                  <a:pt x="897436" y="785391"/>
                </a:cubicBezTo>
                <a:lnTo>
                  <a:pt x="897436" y="104877"/>
                </a:lnTo>
                <a:cubicBezTo>
                  <a:pt x="897436" y="46963"/>
                  <a:pt x="944414" y="0"/>
                  <a:pt x="1002348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3" name="Tittel 1">
            <a:extLst>
              <a:ext uri="{FF2B5EF4-FFF2-40B4-BE49-F238E27FC236}">
                <a16:creationId xmlns:a16="http://schemas.microsoft.com/office/drawing/2014/main" id="{12A3365F-497D-A274-20B3-AFC779FE22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4" name="Bilde 2">
            <a:extLst>
              <a:ext uri="{FF2B5EF4-FFF2-40B4-BE49-F238E27FC236}">
                <a16:creationId xmlns:a16="http://schemas.microsoft.com/office/drawing/2014/main" id="{8B12C054-C51E-A010-CA0D-734EFDCC55A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8325830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 og bilder (v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5" name="Plassholder for innhold 3">
            <a:extLst>
              <a:ext uri="{FF2B5EF4-FFF2-40B4-BE49-F238E27FC236}">
                <a16:creationId xmlns:a16="http://schemas.microsoft.com/office/drawing/2014/main" id="{D803BA19-787A-BF2B-4B32-3940DD68E85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4716000"/>
            <a:ext cx="3431924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6" name="Plassholder for innhold 3">
            <a:extLst>
              <a:ext uri="{FF2B5EF4-FFF2-40B4-BE49-F238E27FC236}">
                <a16:creationId xmlns:a16="http://schemas.microsoft.com/office/drawing/2014/main" id="{2184F4D8-439E-8411-8CAC-50791DB90DBB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421750" y="4716000"/>
            <a:ext cx="3431924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7" name="Plassholder for innhold 3">
            <a:extLst>
              <a:ext uri="{FF2B5EF4-FFF2-40B4-BE49-F238E27FC236}">
                <a16:creationId xmlns:a16="http://schemas.microsoft.com/office/drawing/2014/main" id="{716427F7-B558-E305-F237-770008E04BF9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7997827" y="4716000"/>
            <a:ext cx="3354386" cy="151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48" name="Plassholder for tekst 2">
            <a:extLst>
              <a:ext uri="{FF2B5EF4-FFF2-40B4-BE49-F238E27FC236}">
                <a16:creationId xmlns:a16="http://schemas.microsoft.com/office/drawing/2014/main" id="{4C7E3C2E-8599-08BA-7124-C35BFD36608B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7997827" y="3996000"/>
            <a:ext cx="3354386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49" name="Plassholder for tekst 2">
            <a:extLst>
              <a:ext uri="{FF2B5EF4-FFF2-40B4-BE49-F238E27FC236}">
                <a16:creationId xmlns:a16="http://schemas.microsoft.com/office/drawing/2014/main" id="{D9D54EDD-FD96-438A-C2B8-5E625E1C779A}"/>
              </a:ext>
            </a:extLst>
          </p:cNvPr>
          <p:cNvSpPr>
            <a:spLocks noGrp="1"/>
          </p:cNvSpPr>
          <p:nvPr>
            <p:ph type="body" idx="17" hasCustomPrompt="1"/>
          </p:nvPr>
        </p:nvSpPr>
        <p:spPr>
          <a:xfrm>
            <a:off x="4416551" y="3996000"/>
            <a:ext cx="3431924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50" name="Plassholder for tekst 2">
            <a:extLst>
              <a:ext uri="{FF2B5EF4-FFF2-40B4-BE49-F238E27FC236}">
                <a16:creationId xmlns:a16="http://schemas.microsoft.com/office/drawing/2014/main" id="{321B0A13-19E8-6EAF-D8A6-C099FA37D055}"/>
              </a:ext>
            </a:extLst>
          </p:cNvPr>
          <p:cNvSpPr>
            <a:spLocks noGrp="1"/>
          </p:cNvSpPr>
          <p:nvPr>
            <p:ph type="body" idx="18" hasCustomPrompt="1"/>
          </p:nvPr>
        </p:nvSpPr>
        <p:spPr>
          <a:xfrm>
            <a:off x="834471" y="3996000"/>
            <a:ext cx="3431924" cy="60137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0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3 Overskrift</a:t>
            </a:r>
          </a:p>
        </p:txBody>
      </p:sp>
      <p:sp>
        <p:nvSpPr>
          <p:cNvPr id="57" name="Plassholder for bilde 56">
            <a:extLst>
              <a:ext uri="{FF2B5EF4-FFF2-40B4-BE49-F238E27FC236}">
                <a16:creationId xmlns:a16="http://schemas.microsoft.com/office/drawing/2014/main" id="{35E2E2E9-C287-ADEC-0E99-EC0A6AAD127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35276" y="1440000"/>
            <a:ext cx="3431925" cy="2451127"/>
          </a:xfrm>
          <a:custGeom>
            <a:avLst/>
            <a:gdLst>
              <a:gd name="connsiteX0" fmla="*/ 549879 w 3431925"/>
              <a:gd name="connsiteY0" fmla="*/ 0 h 2451127"/>
              <a:gd name="connsiteX1" fmla="*/ 3326944 w 3431925"/>
              <a:gd name="connsiteY1" fmla="*/ 0 h 2451127"/>
              <a:gd name="connsiteX2" fmla="*/ 3423904 w 3431925"/>
              <a:gd name="connsiteY2" fmla="*/ 64267 h 2451127"/>
              <a:gd name="connsiteX3" fmla="*/ 3431925 w 3431925"/>
              <a:gd name="connsiteY3" fmla="*/ 103986 h 2451127"/>
              <a:gd name="connsiteX4" fmla="*/ 3431925 w 3431925"/>
              <a:gd name="connsiteY4" fmla="*/ 2347355 h 2451127"/>
              <a:gd name="connsiteX5" fmla="*/ 3423904 w 3431925"/>
              <a:gd name="connsiteY5" fmla="*/ 2387075 h 2451127"/>
              <a:gd name="connsiteX6" fmla="*/ 3367901 w 3431925"/>
              <a:gd name="connsiteY6" fmla="*/ 2443071 h 2451127"/>
              <a:gd name="connsiteX7" fmla="*/ 3328004 w 3431925"/>
              <a:gd name="connsiteY7" fmla="*/ 2451127 h 2451127"/>
              <a:gd name="connsiteX8" fmla="*/ 2555722 w 3431925"/>
              <a:gd name="connsiteY8" fmla="*/ 2451127 h 2451127"/>
              <a:gd name="connsiteX9" fmla="*/ 2515825 w 3431925"/>
              <a:gd name="connsiteY9" fmla="*/ 2443071 h 2451127"/>
              <a:gd name="connsiteX10" fmla="*/ 2451552 w 3431925"/>
              <a:gd name="connsiteY10" fmla="*/ 2346122 h 2451127"/>
              <a:gd name="connsiteX11" fmla="*/ 2451552 w 3431925"/>
              <a:gd name="connsiteY11" fmla="*/ 2014108 h 2451127"/>
              <a:gd name="connsiteX12" fmla="*/ 2256092 w 3431925"/>
              <a:gd name="connsiteY12" fmla="*/ 1959964 h 2451127"/>
              <a:gd name="connsiteX13" fmla="*/ 1991905 w 3431925"/>
              <a:gd name="connsiteY13" fmla="*/ 2400241 h 2451127"/>
              <a:gd name="connsiteX14" fmla="*/ 1953527 w 3431925"/>
              <a:gd name="connsiteY14" fmla="*/ 2437657 h 2451127"/>
              <a:gd name="connsiteX15" fmla="*/ 1902391 w 3431925"/>
              <a:gd name="connsiteY15" fmla="*/ 2451127 h 2451127"/>
              <a:gd name="connsiteX16" fmla="*/ 104293 w 3431925"/>
              <a:gd name="connsiteY16" fmla="*/ 2451127 h 2451127"/>
              <a:gd name="connsiteX17" fmla="*/ 64273 w 3431925"/>
              <a:gd name="connsiteY17" fmla="*/ 2443047 h 2451127"/>
              <a:gd name="connsiteX18" fmla="*/ 0 w 3431925"/>
              <a:gd name="connsiteY18" fmla="*/ 2346097 h 2451127"/>
              <a:gd name="connsiteX19" fmla="*/ 0 w 3431925"/>
              <a:gd name="connsiteY19" fmla="*/ 846256 h 2451127"/>
              <a:gd name="connsiteX20" fmla="*/ 14997 w 3431925"/>
              <a:gd name="connsiteY20" fmla="*/ 792112 h 2451127"/>
              <a:gd name="connsiteX21" fmla="*/ 459647 w 3431925"/>
              <a:gd name="connsiteY21" fmla="*/ 51075 h 2451127"/>
              <a:gd name="connsiteX22" fmla="*/ 549879 w 3431925"/>
              <a:gd name="connsiteY22" fmla="*/ 0 h 24511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</a:cxnLst>
            <a:rect l="l" t="t" r="r" b="b"/>
            <a:pathLst>
              <a:path w="3431925" h="2451127">
                <a:moveTo>
                  <a:pt x="549879" y="0"/>
                </a:moveTo>
                <a:lnTo>
                  <a:pt x="3326944" y="0"/>
                </a:lnTo>
                <a:cubicBezTo>
                  <a:pt x="3370526" y="0"/>
                  <a:pt x="3407927" y="26503"/>
                  <a:pt x="3423904" y="64267"/>
                </a:cubicBezTo>
                <a:lnTo>
                  <a:pt x="3431925" y="103986"/>
                </a:lnTo>
                <a:lnTo>
                  <a:pt x="3431925" y="2347355"/>
                </a:lnTo>
                <a:lnTo>
                  <a:pt x="3423904" y="2387075"/>
                </a:lnTo>
                <a:cubicBezTo>
                  <a:pt x="3413253" y="2412250"/>
                  <a:pt x="3393080" y="2432421"/>
                  <a:pt x="3367901" y="2443071"/>
                </a:cubicBezTo>
                <a:lnTo>
                  <a:pt x="3328004" y="2451127"/>
                </a:lnTo>
                <a:lnTo>
                  <a:pt x="2555722" y="2451127"/>
                </a:lnTo>
                <a:lnTo>
                  <a:pt x="2515825" y="2443071"/>
                </a:lnTo>
                <a:cubicBezTo>
                  <a:pt x="2478058" y="2427096"/>
                  <a:pt x="2451552" y="2389699"/>
                  <a:pt x="2451552" y="2346122"/>
                </a:cubicBezTo>
                <a:lnTo>
                  <a:pt x="2451552" y="2014108"/>
                </a:lnTo>
                <a:cubicBezTo>
                  <a:pt x="2451552" y="1907379"/>
                  <a:pt x="2311008" y="1868454"/>
                  <a:pt x="2256092" y="1959964"/>
                </a:cubicBezTo>
                <a:lnTo>
                  <a:pt x="1991905" y="2400241"/>
                </a:lnTo>
                <a:cubicBezTo>
                  <a:pt x="1982402" y="2416079"/>
                  <a:pt x="1969087" y="2428847"/>
                  <a:pt x="1953527" y="2437657"/>
                </a:cubicBezTo>
                <a:lnTo>
                  <a:pt x="1902391" y="2451127"/>
                </a:lnTo>
                <a:lnTo>
                  <a:pt x="104293" y="2451127"/>
                </a:lnTo>
                <a:lnTo>
                  <a:pt x="64273" y="2443047"/>
                </a:lnTo>
                <a:cubicBezTo>
                  <a:pt x="26505" y="2427072"/>
                  <a:pt x="0" y="2389674"/>
                  <a:pt x="0" y="2346097"/>
                </a:cubicBezTo>
                <a:lnTo>
                  <a:pt x="0" y="846256"/>
                </a:lnTo>
                <a:cubicBezTo>
                  <a:pt x="0" y="827177"/>
                  <a:pt x="5197" y="808470"/>
                  <a:pt x="14997" y="792112"/>
                </a:cubicBezTo>
                <a:lnTo>
                  <a:pt x="459647" y="51075"/>
                </a:lnTo>
                <a:cubicBezTo>
                  <a:pt x="478654" y="19400"/>
                  <a:pt x="512905" y="0"/>
                  <a:pt x="549879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59" name="Plassholder for bilde 58">
            <a:extLst>
              <a:ext uri="{FF2B5EF4-FFF2-40B4-BE49-F238E27FC236}">
                <a16:creationId xmlns:a16="http://schemas.microsoft.com/office/drawing/2014/main" id="{82CB5698-CB5D-5487-1D34-525BE806C3A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416551" y="1440000"/>
            <a:ext cx="3432174" cy="2451127"/>
          </a:xfrm>
          <a:custGeom>
            <a:avLst/>
            <a:gdLst>
              <a:gd name="connsiteX0" fmla="*/ 105229 w 3432174"/>
              <a:gd name="connsiteY0" fmla="*/ 0 h 2451127"/>
              <a:gd name="connsiteX1" fmla="*/ 3326944 w 3432174"/>
              <a:gd name="connsiteY1" fmla="*/ 0 h 2451127"/>
              <a:gd name="connsiteX2" fmla="*/ 3432174 w 3432174"/>
              <a:gd name="connsiteY2" fmla="*/ 105219 h 2451127"/>
              <a:gd name="connsiteX3" fmla="*/ 3432174 w 3432174"/>
              <a:gd name="connsiteY3" fmla="*/ 2346097 h 2451127"/>
              <a:gd name="connsiteX4" fmla="*/ 3367904 w 3432174"/>
              <a:gd name="connsiteY4" fmla="*/ 2443048 h 2451127"/>
              <a:gd name="connsiteX5" fmla="*/ 3327880 w 3432174"/>
              <a:gd name="connsiteY5" fmla="*/ 2451127 h 2451127"/>
              <a:gd name="connsiteX6" fmla="*/ 104293 w 3432174"/>
              <a:gd name="connsiteY6" fmla="*/ 2451127 h 2451127"/>
              <a:gd name="connsiteX7" fmla="*/ 64269 w 3432174"/>
              <a:gd name="connsiteY7" fmla="*/ 2443048 h 2451127"/>
              <a:gd name="connsiteX8" fmla="*/ 0 w 3432174"/>
              <a:gd name="connsiteY8" fmla="*/ 2346097 h 2451127"/>
              <a:gd name="connsiteX9" fmla="*/ 0 w 3432174"/>
              <a:gd name="connsiteY9" fmla="*/ 105219 h 2451127"/>
              <a:gd name="connsiteX10" fmla="*/ 105229 w 3432174"/>
              <a:gd name="connsiteY10" fmla="*/ 0 h 24511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432174" h="2451127">
                <a:moveTo>
                  <a:pt x="105229" y="0"/>
                </a:moveTo>
                <a:lnTo>
                  <a:pt x="3326944" y="0"/>
                </a:lnTo>
                <a:cubicBezTo>
                  <a:pt x="3385061" y="0"/>
                  <a:pt x="3432174" y="47108"/>
                  <a:pt x="3432174" y="105219"/>
                </a:cubicBezTo>
                <a:lnTo>
                  <a:pt x="3432174" y="2346097"/>
                </a:lnTo>
                <a:cubicBezTo>
                  <a:pt x="3432174" y="2389680"/>
                  <a:pt x="3405673" y="2427074"/>
                  <a:pt x="3367904" y="2443048"/>
                </a:cubicBezTo>
                <a:lnTo>
                  <a:pt x="3327880" y="2451127"/>
                </a:lnTo>
                <a:lnTo>
                  <a:pt x="104293" y="2451127"/>
                </a:lnTo>
                <a:lnTo>
                  <a:pt x="64269" y="2443048"/>
                </a:lnTo>
                <a:cubicBezTo>
                  <a:pt x="26501" y="2427074"/>
                  <a:pt x="0" y="2389680"/>
                  <a:pt x="0" y="2346097"/>
                </a:cubicBezTo>
                <a:lnTo>
                  <a:pt x="0" y="105219"/>
                </a:lnTo>
                <a:cubicBezTo>
                  <a:pt x="0" y="47108"/>
                  <a:pt x="47113" y="0"/>
                  <a:pt x="105229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60" name="Plassholder for bilde 59">
            <a:extLst>
              <a:ext uri="{FF2B5EF4-FFF2-40B4-BE49-F238E27FC236}">
                <a16:creationId xmlns:a16="http://schemas.microsoft.com/office/drawing/2014/main" id="{5DA9F940-49AE-8A0B-CEFD-A40491F4C0B2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7997827" y="1440000"/>
            <a:ext cx="3432174" cy="2451127"/>
          </a:xfrm>
          <a:custGeom>
            <a:avLst/>
            <a:gdLst>
              <a:gd name="connsiteX0" fmla="*/ 105229 w 3432174"/>
              <a:gd name="connsiteY0" fmla="*/ 0 h 2451127"/>
              <a:gd name="connsiteX1" fmla="*/ 875392 w 3432174"/>
              <a:gd name="connsiteY1" fmla="*/ 0 h 2451127"/>
              <a:gd name="connsiteX2" fmla="*/ 980621 w 3432174"/>
              <a:gd name="connsiteY2" fmla="*/ 105219 h 2451127"/>
              <a:gd name="connsiteX3" fmla="*/ 980621 w 3432174"/>
              <a:gd name="connsiteY3" fmla="*/ 437208 h 2451127"/>
              <a:gd name="connsiteX4" fmla="*/ 1176082 w 3432174"/>
              <a:gd name="connsiteY4" fmla="*/ 491352 h 2451127"/>
              <a:gd name="connsiteX5" fmla="*/ 1440268 w 3432174"/>
              <a:gd name="connsiteY5" fmla="*/ 51075 h 2451127"/>
              <a:gd name="connsiteX6" fmla="*/ 1530500 w 3432174"/>
              <a:gd name="connsiteY6" fmla="*/ 0 h 2451127"/>
              <a:gd name="connsiteX7" fmla="*/ 3326944 w 3432174"/>
              <a:gd name="connsiteY7" fmla="*/ 0 h 2451127"/>
              <a:gd name="connsiteX8" fmla="*/ 3432174 w 3432174"/>
              <a:gd name="connsiteY8" fmla="*/ 105219 h 2451127"/>
              <a:gd name="connsiteX9" fmla="*/ 3432174 w 3432174"/>
              <a:gd name="connsiteY9" fmla="*/ 1605060 h 2451127"/>
              <a:gd name="connsiteX10" fmla="*/ 3417176 w 3432174"/>
              <a:gd name="connsiteY10" fmla="*/ 1659204 h 2451127"/>
              <a:gd name="connsiteX11" fmla="*/ 2972526 w 3432174"/>
              <a:gd name="connsiteY11" fmla="*/ 2400241 h 2451127"/>
              <a:gd name="connsiteX12" fmla="*/ 2934148 w 3432174"/>
              <a:gd name="connsiteY12" fmla="*/ 2437657 h 2451127"/>
              <a:gd name="connsiteX13" fmla="*/ 2883012 w 3432174"/>
              <a:gd name="connsiteY13" fmla="*/ 2451127 h 2451127"/>
              <a:gd name="connsiteX14" fmla="*/ 104293 w 3432174"/>
              <a:gd name="connsiteY14" fmla="*/ 2451127 h 2451127"/>
              <a:gd name="connsiteX15" fmla="*/ 64273 w 3432174"/>
              <a:gd name="connsiteY15" fmla="*/ 2443046 h 2451127"/>
              <a:gd name="connsiteX16" fmla="*/ 0 w 3432174"/>
              <a:gd name="connsiteY16" fmla="*/ 2346097 h 2451127"/>
              <a:gd name="connsiteX17" fmla="*/ 0 w 3432174"/>
              <a:gd name="connsiteY17" fmla="*/ 105219 h 2451127"/>
              <a:gd name="connsiteX18" fmla="*/ 105229 w 3432174"/>
              <a:gd name="connsiteY18" fmla="*/ 0 h 24511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3432174" h="2451127">
                <a:moveTo>
                  <a:pt x="105229" y="0"/>
                </a:moveTo>
                <a:lnTo>
                  <a:pt x="875392" y="0"/>
                </a:lnTo>
                <a:cubicBezTo>
                  <a:pt x="933501" y="0"/>
                  <a:pt x="980621" y="47116"/>
                  <a:pt x="980621" y="105219"/>
                </a:cubicBezTo>
                <a:lnTo>
                  <a:pt x="980621" y="437208"/>
                </a:lnTo>
                <a:cubicBezTo>
                  <a:pt x="980621" y="543937"/>
                  <a:pt x="1121166" y="582862"/>
                  <a:pt x="1176082" y="491352"/>
                </a:cubicBezTo>
                <a:lnTo>
                  <a:pt x="1440268" y="51075"/>
                </a:lnTo>
                <a:cubicBezTo>
                  <a:pt x="1459275" y="19400"/>
                  <a:pt x="1493526" y="0"/>
                  <a:pt x="1530500" y="0"/>
                </a:cubicBezTo>
                <a:lnTo>
                  <a:pt x="3326944" y="0"/>
                </a:lnTo>
                <a:cubicBezTo>
                  <a:pt x="3385053" y="0"/>
                  <a:pt x="3432174" y="47116"/>
                  <a:pt x="3432174" y="105219"/>
                </a:cubicBezTo>
                <a:lnTo>
                  <a:pt x="3432174" y="1605060"/>
                </a:lnTo>
                <a:cubicBezTo>
                  <a:pt x="3432174" y="1624140"/>
                  <a:pt x="3426977" y="1642847"/>
                  <a:pt x="3417176" y="1659204"/>
                </a:cubicBezTo>
                <a:lnTo>
                  <a:pt x="2972526" y="2400241"/>
                </a:lnTo>
                <a:cubicBezTo>
                  <a:pt x="2963023" y="2416079"/>
                  <a:pt x="2949708" y="2428847"/>
                  <a:pt x="2934148" y="2437657"/>
                </a:cubicBezTo>
                <a:lnTo>
                  <a:pt x="2883012" y="2451127"/>
                </a:lnTo>
                <a:lnTo>
                  <a:pt x="104293" y="2451127"/>
                </a:lnTo>
                <a:lnTo>
                  <a:pt x="64273" y="2443046"/>
                </a:lnTo>
                <a:cubicBezTo>
                  <a:pt x="26506" y="2427071"/>
                  <a:pt x="0" y="2389674"/>
                  <a:pt x="0" y="2346097"/>
                </a:cubicBezTo>
                <a:lnTo>
                  <a:pt x="0" y="105219"/>
                </a:lnTo>
                <a:cubicBezTo>
                  <a:pt x="0" y="47116"/>
                  <a:pt x="47121" y="0"/>
                  <a:pt x="105229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3" name="Tittel 1">
            <a:extLst>
              <a:ext uri="{FF2B5EF4-FFF2-40B4-BE49-F238E27FC236}">
                <a16:creationId xmlns:a16="http://schemas.microsoft.com/office/drawing/2014/main" id="{B3A0DF41-453F-C4CC-F064-5F0B4797019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4" name="Bilde 2">
            <a:extLst>
              <a:ext uri="{FF2B5EF4-FFF2-40B4-BE49-F238E27FC236}">
                <a16:creationId xmlns:a16="http://schemas.microsoft.com/office/drawing/2014/main" id="{168B2328-BA91-AB0B-15A0-752EC56430D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1714554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 og bilder (v4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3014582" cy="72000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4584D2C2-3047-F5B1-9469-B34CB1CAA8D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4175999"/>
            <a:ext cx="3014582" cy="187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2" name="Plassholder for innhold 3">
            <a:extLst>
              <a:ext uri="{FF2B5EF4-FFF2-40B4-BE49-F238E27FC236}">
                <a16:creationId xmlns:a16="http://schemas.microsoft.com/office/drawing/2014/main" id="{03BCF634-F098-4E9B-362B-BEC149EF681E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588710" y="4175999"/>
            <a:ext cx="3014582" cy="187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4" name="Plassholder for innhold 3">
            <a:extLst>
              <a:ext uri="{FF2B5EF4-FFF2-40B4-BE49-F238E27FC236}">
                <a16:creationId xmlns:a16="http://schemas.microsoft.com/office/drawing/2014/main" id="{ACFE2AC3-F6C8-83B5-11BA-7BC0E59E0F94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8337631" y="4175999"/>
            <a:ext cx="3014582" cy="1872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5" name="Plassholder for bilde 7">
            <a:extLst>
              <a:ext uri="{FF2B5EF4-FFF2-40B4-BE49-F238E27FC236}">
                <a16:creationId xmlns:a16="http://schemas.microsoft.com/office/drawing/2014/main" id="{F9D0DD48-D3B5-E6B7-A0AD-3711AFFC6E2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838800" y="2268000"/>
            <a:ext cx="3023765" cy="180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579B4212-6066-1936-99A9-F11830993D55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4584795" y="1439999"/>
            <a:ext cx="3014582" cy="72000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9" name="Plassholder for bilde 7">
            <a:extLst>
              <a:ext uri="{FF2B5EF4-FFF2-40B4-BE49-F238E27FC236}">
                <a16:creationId xmlns:a16="http://schemas.microsoft.com/office/drawing/2014/main" id="{9FF8982C-B885-8393-46D0-D8BEC14E2DE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83806" y="2268000"/>
            <a:ext cx="3023765" cy="180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5" name="Plassholder for tekst 2">
            <a:extLst>
              <a:ext uri="{FF2B5EF4-FFF2-40B4-BE49-F238E27FC236}">
                <a16:creationId xmlns:a16="http://schemas.microsoft.com/office/drawing/2014/main" id="{3DAF464D-5150-2CD2-B287-E5DE65E0CEB1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336524" y="1439999"/>
            <a:ext cx="3014582" cy="720000"/>
          </a:xfrm>
        </p:spPr>
        <p:txBody>
          <a:bodyPr tIns="0" bIns="0" anchor="b">
            <a:noAutofit/>
          </a:bodyPr>
          <a:lstStyle>
            <a:lvl1pPr marL="0" indent="0" algn="l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6" name="Plassholder for bilde 7">
            <a:extLst>
              <a:ext uri="{FF2B5EF4-FFF2-40B4-BE49-F238E27FC236}">
                <a16:creationId xmlns:a16="http://schemas.microsoft.com/office/drawing/2014/main" id="{C4CB5FB2-868E-866B-B7FA-1A4A8EBBDB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35535" y="2268000"/>
            <a:ext cx="3023765" cy="180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1" name="Tittel 1">
            <a:extLst>
              <a:ext uri="{FF2B5EF4-FFF2-40B4-BE49-F238E27FC236}">
                <a16:creationId xmlns:a16="http://schemas.microsoft.com/office/drawing/2014/main" id="{0321C738-ECD7-CCB3-D765-A186C53694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8" name="Bilde 2">
            <a:extLst>
              <a:ext uri="{FF2B5EF4-FFF2-40B4-BE49-F238E27FC236}">
                <a16:creationId xmlns:a16="http://schemas.microsoft.com/office/drawing/2014/main" id="{4133DBBF-06ED-C061-5795-24642C2777F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16972152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Tekster og bilder (v5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4482000"/>
            <a:ext cx="3014582" cy="601200"/>
          </a:xfrm>
        </p:spPr>
        <p:txBody>
          <a:bodyPr tIns="0" bIns="0" anchor="b">
            <a:noAutofit/>
          </a:bodyPr>
          <a:lstStyle>
            <a:lvl1pPr marL="0" indent="0" algn="l">
              <a:spcBef>
                <a:spcPts val="0"/>
              </a:spcBef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4584D2C2-3047-F5B1-9469-B34CB1CAA8D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5183999"/>
            <a:ext cx="3014582" cy="846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2" name="Plassholder for innhold 3">
            <a:extLst>
              <a:ext uri="{FF2B5EF4-FFF2-40B4-BE49-F238E27FC236}">
                <a16:creationId xmlns:a16="http://schemas.microsoft.com/office/drawing/2014/main" id="{03BCF634-F098-4E9B-362B-BEC149EF681E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588710" y="5183999"/>
            <a:ext cx="3014582" cy="846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sp>
        <p:nvSpPr>
          <p:cNvPr id="14" name="Plassholder for innhold 3">
            <a:extLst>
              <a:ext uri="{FF2B5EF4-FFF2-40B4-BE49-F238E27FC236}">
                <a16:creationId xmlns:a16="http://schemas.microsoft.com/office/drawing/2014/main" id="{ACFE2AC3-F6C8-83B5-11BA-7BC0E59E0F94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8337631" y="5183999"/>
            <a:ext cx="3014582" cy="846000"/>
          </a:xfrm>
        </p:spPr>
        <p:txBody>
          <a:bodyPr>
            <a:noAutofit/>
          </a:bodyPr>
          <a:lstStyle>
            <a:lvl1pPr marL="0" indent="0" algn="l">
              <a:spcBef>
                <a:spcPts val="30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579B4212-6066-1936-99A9-F11830993D55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4584795" y="4482000"/>
            <a:ext cx="3014582" cy="601200"/>
          </a:xfrm>
        </p:spPr>
        <p:txBody>
          <a:bodyPr tIns="0" bIns="0" anchor="b">
            <a:noAutofit/>
          </a:bodyPr>
          <a:lstStyle>
            <a:lvl1pPr marL="0" indent="0" algn="l">
              <a:spcBef>
                <a:spcPts val="0"/>
              </a:spcBef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5" name="Plassholder for tekst 2">
            <a:extLst>
              <a:ext uri="{FF2B5EF4-FFF2-40B4-BE49-F238E27FC236}">
                <a16:creationId xmlns:a16="http://schemas.microsoft.com/office/drawing/2014/main" id="{3DAF464D-5150-2CD2-B287-E5DE65E0CEB1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336524" y="4482000"/>
            <a:ext cx="3014582" cy="601200"/>
          </a:xfrm>
        </p:spPr>
        <p:txBody>
          <a:bodyPr tIns="0" bIns="0" anchor="b">
            <a:noAutofit/>
          </a:bodyPr>
          <a:lstStyle>
            <a:lvl1pPr marL="0" indent="0" algn="l">
              <a:spcBef>
                <a:spcPts val="0"/>
              </a:spcBef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0" name="Plassholder for bilde 16">
            <a:extLst>
              <a:ext uri="{FF2B5EF4-FFF2-40B4-BE49-F238E27FC236}">
                <a16:creationId xmlns:a16="http://schemas.microsoft.com/office/drawing/2014/main" id="{990A069D-E127-22E5-9FB1-B3DF0EABFE8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6695" y="838800"/>
            <a:ext cx="3013365" cy="3415283"/>
          </a:xfrm>
          <a:custGeom>
            <a:avLst/>
            <a:gdLst>
              <a:gd name="connsiteX0" fmla="*/ 675893 w 3013365"/>
              <a:gd name="connsiteY0" fmla="*/ 0 h 3415283"/>
              <a:gd name="connsiteX1" fmla="*/ 2884021 w 3013365"/>
              <a:gd name="connsiteY1" fmla="*/ 0 h 3415283"/>
              <a:gd name="connsiteX2" fmla="*/ 3013365 w 3013365"/>
              <a:gd name="connsiteY2" fmla="*/ 129349 h 3415283"/>
              <a:gd name="connsiteX3" fmla="*/ 3013365 w 3013365"/>
              <a:gd name="connsiteY3" fmla="*/ 3285934 h 3415283"/>
              <a:gd name="connsiteX4" fmla="*/ 2884021 w 3013365"/>
              <a:gd name="connsiteY4" fmla="*/ 3415283 h 3415283"/>
              <a:gd name="connsiteX5" fmla="*/ 129344 w 3013365"/>
              <a:gd name="connsiteY5" fmla="*/ 3415283 h 3415283"/>
              <a:gd name="connsiteX6" fmla="*/ 0 w 3013365"/>
              <a:gd name="connsiteY6" fmla="*/ 3285934 h 3415283"/>
              <a:gd name="connsiteX7" fmla="*/ 0 w 3013365"/>
              <a:gd name="connsiteY7" fmla="*/ 1040331 h 3415283"/>
              <a:gd name="connsiteX8" fmla="*/ 18434 w 3013365"/>
              <a:gd name="connsiteY8" fmla="*/ 973770 h 3415283"/>
              <a:gd name="connsiteX9" fmla="*/ 564983 w 3013365"/>
              <a:gd name="connsiteY9" fmla="*/ 62789 h 3415283"/>
              <a:gd name="connsiteX10" fmla="*/ 675893 w 3013365"/>
              <a:gd name="connsiteY10" fmla="*/ 0 h 341528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013365" h="3415283">
                <a:moveTo>
                  <a:pt x="675893" y="0"/>
                </a:moveTo>
                <a:lnTo>
                  <a:pt x="2884021" y="0"/>
                </a:lnTo>
                <a:cubicBezTo>
                  <a:pt x="2955446" y="0"/>
                  <a:pt x="3013365" y="57921"/>
                  <a:pt x="3013365" y="129349"/>
                </a:cubicBezTo>
                <a:lnTo>
                  <a:pt x="3013365" y="3285934"/>
                </a:lnTo>
                <a:cubicBezTo>
                  <a:pt x="3013365" y="3357361"/>
                  <a:pt x="2955446" y="3415283"/>
                  <a:pt x="2884021" y="3415283"/>
                </a:cubicBezTo>
                <a:lnTo>
                  <a:pt x="129344" y="3415283"/>
                </a:lnTo>
                <a:cubicBezTo>
                  <a:pt x="57919" y="3415283"/>
                  <a:pt x="0" y="3357361"/>
                  <a:pt x="0" y="3285934"/>
                </a:cubicBezTo>
                <a:lnTo>
                  <a:pt x="0" y="1040331"/>
                </a:lnTo>
                <a:cubicBezTo>
                  <a:pt x="0" y="1016876"/>
                  <a:pt x="6388" y="993878"/>
                  <a:pt x="18434" y="973770"/>
                </a:cubicBezTo>
                <a:lnTo>
                  <a:pt x="564983" y="62789"/>
                </a:lnTo>
                <a:cubicBezTo>
                  <a:pt x="588345" y="23850"/>
                  <a:pt x="630446" y="0"/>
                  <a:pt x="675893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1" name="Plassholder for bilde 17">
            <a:extLst>
              <a:ext uri="{FF2B5EF4-FFF2-40B4-BE49-F238E27FC236}">
                <a16:creationId xmlns:a16="http://schemas.microsoft.com/office/drawing/2014/main" id="{64B13F93-E080-D5E1-8755-218C088B977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589932" y="838800"/>
            <a:ext cx="3013365" cy="3415282"/>
          </a:xfrm>
          <a:custGeom>
            <a:avLst/>
            <a:gdLst>
              <a:gd name="connsiteX0" fmla="*/ 129344 w 3013365"/>
              <a:gd name="connsiteY0" fmla="*/ 0 h 3415282"/>
              <a:gd name="connsiteX1" fmla="*/ 2884021 w 3013365"/>
              <a:gd name="connsiteY1" fmla="*/ 0 h 3415282"/>
              <a:gd name="connsiteX2" fmla="*/ 3013365 w 3013365"/>
              <a:gd name="connsiteY2" fmla="*/ 129349 h 3415282"/>
              <a:gd name="connsiteX3" fmla="*/ 3013365 w 3013365"/>
              <a:gd name="connsiteY3" fmla="*/ 3285933 h 3415282"/>
              <a:gd name="connsiteX4" fmla="*/ 2884021 w 3013365"/>
              <a:gd name="connsiteY4" fmla="*/ 3415282 h 3415282"/>
              <a:gd name="connsiteX5" fmla="*/ 129344 w 3013365"/>
              <a:gd name="connsiteY5" fmla="*/ 3415282 h 3415282"/>
              <a:gd name="connsiteX6" fmla="*/ 0 w 3013365"/>
              <a:gd name="connsiteY6" fmla="*/ 3285933 h 3415282"/>
              <a:gd name="connsiteX7" fmla="*/ 0 w 3013365"/>
              <a:gd name="connsiteY7" fmla="*/ 129349 h 3415282"/>
              <a:gd name="connsiteX8" fmla="*/ 129344 w 3013365"/>
              <a:gd name="connsiteY8" fmla="*/ 0 h 34152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013365" h="3415282">
                <a:moveTo>
                  <a:pt x="129344" y="0"/>
                </a:moveTo>
                <a:lnTo>
                  <a:pt x="2884021" y="0"/>
                </a:lnTo>
                <a:cubicBezTo>
                  <a:pt x="2955456" y="0"/>
                  <a:pt x="3013365" y="57912"/>
                  <a:pt x="3013365" y="129349"/>
                </a:cubicBezTo>
                <a:lnTo>
                  <a:pt x="3013365" y="3285933"/>
                </a:lnTo>
                <a:cubicBezTo>
                  <a:pt x="3013365" y="3357370"/>
                  <a:pt x="2955456" y="3415282"/>
                  <a:pt x="2884021" y="3415282"/>
                </a:cubicBezTo>
                <a:lnTo>
                  <a:pt x="129344" y="3415282"/>
                </a:lnTo>
                <a:cubicBezTo>
                  <a:pt x="57909" y="3415282"/>
                  <a:pt x="0" y="3357370"/>
                  <a:pt x="0" y="3285933"/>
                </a:cubicBezTo>
                <a:lnTo>
                  <a:pt x="0" y="129349"/>
                </a:lnTo>
                <a:cubicBezTo>
                  <a:pt x="0" y="57912"/>
                  <a:pt x="57909" y="0"/>
                  <a:pt x="12934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3" name="Plassholder for bilde 18">
            <a:extLst>
              <a:ext uri="{FF2B5EF4-FFF2-40B4-BE49-F238E27FC236}">
                <a16:creationId xmlns:a16="http://schemas.microsoft.com/office/drawing/2014/main" id="{8784F1D7-4DBA-AC72-EC4D-4DFC757A4AFD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8340726" y="838800"/>
            <a:ext cx="3011858" cy="3413573"/>
          </a:xfrm>
          <a:custGeom>
            <a:avLst/>
            <a:gdLst>
              <a:gd name="connsiteX0" fmla="*/ 129279 w 3011858"/>
              <a:gd name="connsiteY0" fmla="*/ 0 h 3413573"/>
              <a:gd name="connsiteX1" fmla="*/ 2882579 w 3011858"/>
              <a:gd name="connsiteY1" fmla="*/ 0 h 3413573"/>
              <a:gd name="connsiteX2" fmla="*/ 3011858 w 3011858"/>
              <a:gd name="connsiteY2" fmla="*/ 129285 h 3413573"/>
              <a:gd name="connsiteX3" fmla="*/ 3011858 w 3011858"/>
              <a:gd name="connsiteY3" fmla="*/ 2373763 h 3413573"/>
              <a:gd name="connsiteX4" fmla="*/ 2993433 w 3011858"/>
              <a:gd name="connsiteY4" fmla="*/ 2440291 h 3413573"/>
              <a:gd name="connsiteX5" fmla="*/ 2447157 w 3011858"/>
              <a:gd name="connsiteY5" fmla="*/ 3350816 h 3413573"/>
              <a:gd name="connsiteX6" fmla="*/ 2336303 w 3011858"/>
              <a:gd name="connsiteY6" fmla="*/ 3413573 h 3413573"/>
              <a:gd name="connsiteX7" fmla="*/ 129279 w 3011858"/>
              <a:gd name="connsiteY7" fmla="*/ 3413573 h 3413573"/>
              <a:gd name="connsiteX8" fmla="*/ 0 w 3011858"/>
              <a:gd name="connsiteY8" fmla="*/ 3284289 h 3413573"/>
              <a:gd name="connsiteX9" fmla="*/ 0 w 3011858"/>
              <a:gd name="connsiteY9" fmla="*/ 129285 h 3413573"/>
              <a:gd name="connsiteX10" fmla="*/ 129279 w 3011858"/>
              <a:gd name="connsiteY10" fmla="*/ 0 h 34135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011858" h="3413573">
                <a:moveTo>
                  <a:pt x="129279" y="0"/>
                </a:moveTo>
                <a:lnTo>
                  <a:pt x="2882579" y="0"/>
                </a:lnTo>
                <a:cubicBezTo>
                  <a:pt x="2953968" y="0"/>
                  <a:pt x="3011858" y="57892"/>
                  <a:pt x="3011858" y="129285"/>
                </a:cubicBezTo>
                <a:lnTo>
                  <a:pt x="3011858" y="2373763"/>
                </a:lnTo>
                <a:cubicBezTo>
                  <a:pt x="3011858" y="2397206"/>
                  <a:pt x="3005473" y="2420193"/>
                  <a:pt x="2993433" y="2440291"/>
                </a:cubicBezTo>
                <a:lnTo>
                  <a:pt x="2447157" y="3350816"/>
                </a:lnTo>
                <a:cubicBezTo>
                  <a:pt x="2423807" y="3389735"/>
                  <a:pt x="2381727" y="3413573"/>
                  <a:pt x="2336303" y="3413573"/>
                </a:cubicBezTo>
                <a:lnTo>
                  <a:pt x="129279" y="3413573"/>
                </a:lnTo>
                <a:cubicBezTo>
                  <a:pt x="57890" y="3413573"/>
                  <a:pt x="0" y="3355681"/>
                  <a:pt x="0" y="3284289"/>
                </a:cubicBezTo>
                <a:lnTo>
                  <a:pt x="0" y="129285"/>
                </a:lnTo>
                <a:cubicBezTo>
                  <a:pt x="0" y="57892"/>
                  <a:pt x="57890" y="0"/>
                  <a:pt x="129279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5" name="Bilde 2">
            <a:extLst>
              <a:ext uri="{FF2B5EF4-FFF2-40B4-BE49-F238E27FC236}">
                <a16:creationId xmlns:a16="http://schemas.microsoft.com/office/drawing/2014/main" id="{2A0E4024-A1C3-68B7-CD02-366B9AEED82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8348079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Agenda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ktangel 8">
            <a:extLst>
              <a:ext uri="{FF2B5EF4-FFF2-40B4-BE49-F238E27FC236}">
                <a16:creationId xmlns:a16="http://schemas.microsoft.com/office/drawing/2014/main" id="{4D999934-1CF5-6D77-D7D4-409CEED297DC}"/>
              </a:ext>
            </a:extLst>
          </p:cNvPr>
          <p:cNvSpPr/>
          <p:nvPr userDrawn="1"/>
        </p:nvSpPr>
        <p:spPr>
          <a:xfrm flipH="1">
            <a:off x="0" y="1"/>
            <a:ext cx="6096000" cy="6857999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>
              <a:solidFill>
                <a:schemeClr val="tx1"/>
              </a:solidFill>
              <a:latin typeface="Aptos" panose="020B0004020202020204" pitchFamily="34" charset="0"/>
            </a:endParaRPr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C738ED5E-9F67-DC18-87A1-32020F0836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1010653"/>
            <a:ext cx="4419599" cy="5166308"/>
          </a:xfrm>
        </p:spPr>
        <p:txBody>
          <a:bodyPr anchor="ctr">
            <a:noAutofit/>
          </a:bodyPr>
          <a:lstStyle>
            <a:lvl1pPr algn="l">
              <a:defRPr sz="44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ekst</a:t>
            </a:r>
          </a:p>
        </p:txBody>
      </p:sp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DA068950-0913-7A99-7DBF-9B59DC6D1B9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985000" y="1010653"/>
            <a:ext cx="4368799" cy="5166309"/>
          </a:xfrm>
        </p:spPr>
        <p:txBody>
          <a:bodyPr anchor="ctr">
            <a:noAutofit/>
          </a:bodyPr>
          <a:lstStyle>
            <a:lvl1pPr marL="457200" indent="-457200">
              <a:buClr>
                <a:schemeClr val="tx2"/>
              </a:buClr>
              <a:buFont typeface="+mj-lt"/>
              <a:buAutoNum type="arabicPeriod"/>
              <a:defRPr b="1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Skriv agenda her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268CBF6F-55A0-13CE-2DC8-A91167E1B10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8" name="Bilde 7">
            <a:extLst>
              <a:ext uri="{FF2B5EF4-FFF2-40B4-BE49-F238E27FC236}">
                <a16:creationId xmlns:a16="http://schemas.microsoft.com/office/drawing/2014/main" id="{E015F262-6DD3-9541-48D8-9CCEEA9C5E2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827095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Bilde (v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lassholder for bilde 13">
            <a:extLst>
              <a:ext uri="{FF2B5EF4-FFF2-40B4-BE49-F238E27FC236}">
                <a16:creationId xmlns:a16="http://schemas.microsoft.com/office/drawing/2014/main" id="{ECCAB366-333D-E64B-848E-100674BDCE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38199" y="818284"/>
            <a:ext cx="10509274" cy="5218477"/>
          </a:xfrm>
          <a:custGeom>
            <a:avLst/>
            <a:gdLst>
              <a:gd name="connsiteX0" fmla="*/ 224033 w 10509274"/>
              <a:gd name="connsiteY0" fmla="*/ 0 h 5218477"/>
              <a:gd name="connsiteX1" fmla="*/ 7150832 w 10509274"/>
              <a:gd name="connsiteY1" fmla="*/ 0 h 5218477"/>
              <a:gd name="connsiteX2" fmla="*/ 7374864 w 10509274"/>
              <a:gd name="connsiteY2" fmla="*/ 223995 h 5218477"/>
              <a:gd name="connsiteX3" fmla="*/ 7374864 w 10509274"/>
              <a:gd name="connsiteY3" fmla="*/ 930750 h 5218477"/>
              <a:gd name="connsiteX4" fmla="*/ 7791002 w 10509274"/>
              <a:gd name="connsiteY4" fmla="*/ 1046013 h 5218477"/>
              <a:gd name="connsiteX5" fmla="*/ 8353456 w 10509274"/>
              <a:gd name="connsiteY5" fmla="*/ 108731 h 5218477"/>
              <a:gd name="connsiteX6" fmla="*/ 8545559 w 10509274"/>
              <a:gd name="connsiteY6" fmla="*/ 0 h 5218477"/>
              <a:gd name="connsiteX7" fmla="*/ 10285240 w 10509274"/>
              <a:gd name="connsiteY7" fmla="*/ 0 h 5218477"/>
              <a:gd name="connsiteX8" fmla="*/ 10509274 w 10509274"/>
              <a:gd name="connsiteY8" fmla="*/ 223995 h 5218477"/>
              <a:gd name="connsiteX9" fmla="*/ 10509274 w 10509274"/>
              <a:gd name="connsiteY9" fmla="*/ 3416822 h 5218477"/>
              <a:gd name="connsiteX10" fmla="*/ 10477186 w 10509274"/>
              <a:gd name="connsiteY10" fmla="*/ 3532297 h 5218477"/>
              <a:gd name="connsiteX11" fmla="*/ 9527890 w 10509274"/>
              <a:gd name="connsiteY11" fmla="*/ 5109956 h 5218477"/>
              <a:gd name="connsiteX12" fmla="*/ 9335945 w 10509274"/>
              <a:gd name="connsiteY12" fmla="*/ 5218477 h 5218477"/>
              <a:gd name="connsiteX13" fmla="*/ 224033 w 10509274"/>
              <a:gd name="connsiteY13" fmla="*/ 5218477 h 5218477"/>
              <a:gd name="connsiteX14" fmla="*/ 0 w 10509274"/>
              <a:gd name="connsiteY14" fmla="*/ 4994482 h 5218477"/>
              <a:gd name="connsiteX15" fmla="*/ 0 w 10509274"/>
              <a:gd name="connsiteY15" fmla="*/ 223995 h 5218477"/>
              <a:gd name="connsiteX16" fmla="*/ 224033 w 10509274"/>
              <a:gd name="connsiteY16" fmla="*/ 0 h 521847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0509274" h="5218477">
                <a:moveTo>
                  <a:pt x="224033" y="0"/>
                </a:moveTo>
                <a:lnTo>
                  <a:pt x="7150832" y="0"/>
                </a:lnTo>
                <a:cubicBezTo>
                  <a:pt x="7274545" y="0"/>
                  <a:pt x="7374864" y="100303"/>
                  <a:pt x="7374864" y="223995"/>
                </a:cubicBezTo>
                <a:lnTo>
                  <a:pt x="7374864" y="930750"/>
                </a:lnTo>
                <a:cubicBezTo>
                  <a:pt x="7374864" y="1157958"/>
                  <a:pt x="7674085" y="1240824"/>
                  <a:pt x="7791002" y="1046013"/>
                </a:cubicBezTo>
                <a:lnTo>
                  <a:pt x="8353456" y="108731"/>
                </a:lnTo>
                <a:cubicBezTo>
                  <a:pt x="8393920" y="41301"/>
                  <a:pt x="8466841" y="0"/>
                  <a:pt x="8545559" y="0"/>
                </a:cubicBezTo>
                <a:lnTo>
                  <a:pt x="10285240" y="0"/>
                </a:lnTo>
                <a:cubicBezTo>
                  <a:pt x="10408954" y="0"/>
                  <a:pt x="10509274" y="100303"/>
                  <a:pt x="10509274" y="223995"/>
                </a:cubicBezTo>
                <a:lnTo>
                  <a:pt x="10509274" y="3416822"/>
                </a:lnTo>
                <a:cubicBezTo>
                  <a:pt x="10509274" y="3457491"/>
                  <a:pt x="10498156" y="3497423"/>
                  <a:pt x="10477186" y="3532297"/>
                </a:cubicBezTo>
                <a:lnTo>
                  <a:pt x="9527890" y="5109956"/>
                </a:lnTo>
                <a:cubicBezTo>
                  <a:pt x="9487373" y="5177281"/>
                  <a:pt x="9414556" y="5218477"/>
                  <a:pt x="9335945" y="5218477"/>
                </a:cubicBezTo>
                <a:lnTo>
                  <a:pt x="224033" y="5218477"/>
                </a:lnTo>
                <a:cubicBezTo>
                  <a:pt x="100320" y="5218477"/>
                  <a:pt x="0" y="5118174"/>
                  <a:pt x="0" y="4994482"/>
                </a:cubicBezTo>
                <a:lnTo>
                  <a:pt x="0" y="223995"/>
                </a:lnTo>
                <a:cubicBezTo>
                  <a:pt x="0" y="100303"/>
                  <a:pt x="100320" y="0"/>
                  <a:pt x="224033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177ED965-E12E-DA02-D1EB-89AC6A707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4" name="Bilde 2">
            <a:extLst>
              <a:ext uri="{FF2B5EF4-FFF2-40B4-BE49-F238E27FC236}">
                <a16:creationId xmlns:a16="http://schemas.microsoft.com/office/drawing/2014/main" id="{DA39BCBC-6799-9279-36A6-9C492278D9A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9153461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Bilde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ssholder for bilde 11">
            <a:extLst>
              <a:ext uri="{FF2B5EF4-FFF2-40B4-BE49-F238E27FC236}">
                <a16:creationId xmlns:a16="http://schemas.microsoft.com/office/drawing/2014/main" id="{1459BD34-5E3D-D69E-68E7-CA27AE36083F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38199" y="818284"/>
            <a:ext cx="10507167" cy="5217405"/>
          </a:xfrm>
          <a:custGeom>
            <a:avLst/>
            <a:gdLst>
              <a:gd name="connsiteX0" fmla="*/ 223987 w 10507167"/>
              <a:gd name="connsiteY0" fmla="*/ 0 h 5217405"/>
              <a:gd name="connsiteX1" fmla="*/ 10283180 w 10507167"/>
              <a:gd name="connsiteY1" fmla="*/ 0 h 5217405"/>
              <a:gd name="connsiteX2" fmla="*/ 10507167 w 10507167"/>
              <a:gd name="connsiteY2" fmla="*/ 223949 h 5217405"/>
              <a:gd name="connsiteX3" fmla="*/ 10507167 w 10507167"/>
              <a:gd name="connsiteY3" fmla="*/ 4993455 h 5217405"/>
              <a:gd name="connsiteX4" fmla="*/ 10283180 w 10507167"/>
              <a:gd name="connsiteY4" fmla="*/ 5217405 h 5217405"/>
              <a:gd name="connsiteX5" fmla="*/ 223987 w 10507167"/>
              <a:gd name="connsiteY5" fmla="*/ 5217405 h 5217405"/>
              <a:gd name="connsiteX6" fmla="*/ 0 w 10507167"/>
              <a:gd name="connsiteY6" fmla="*/ 4993455 h 5217405"/>
              <a:gd name="connsiteX7" fmla="*/ 0 w 10507167"/>
              <a:gd name="connsiteY7" fmla="*/ 223949 h 5217405"/>
              <a:gd name="connsiteX8" fmla="*/ 223987 w 10507167"/>
              <a:gd name="connsiteY8" fmla="*/ 0 h 521740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0507167" h="5217405">
                <a:moveTo>
                  <a:pt x="223987" y="0"/>
                </a:moveTo>
                <a:lnTo>
                  <a:pt x="10283180" y="0"/>
                </a:lnTo>
                <a:cubicBezTo>
                  <a:pt x="10406884" y="0"/>
                  <a:pt x="10507167" y="100265"/>
                  <a:pt x="10507167" y="223949"/>
                </a:cubicBezTo>
                <a:lnTo>
                  <a:pt x="10507167" y="4993455"/>
                </a:lnTo>
                <a:cubicBezTo>
                  <a:pt x="10507167" y="5117139"/>
                  <a:pt x="10406884" y="5217405"/>
                  <a:pt x="10283180" y="5217405"/>
                </a:cubicBezTo>
                <a:lnTo>
                  <a:pt x="223987" y="5217405"/>
                </a:lnTo>
                <a:cubicBezTo>
                  <a:pt x="100282" y="5217405"/>
                  <a:pt x="0" y="5117139"/>
                  <a:pt x="0" y="4993455"/>
                </a:cubicBezTo>
                <a:lnTo>
                  <a:pt x="0" y="223949"/>
                </a:lnTo>
                <a:cubicBezTo>
                  <a:pt x="0" y="100266"/>
                  <a:pt x="100282" y="0"/>
                  <a:pt x="223987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4B1C7BE3-4A97-8149-D05D-5F421501372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4" name="Bilde 2">
            <a:extLst>
              <a:ext uri="{FF2B5EF4-FFF2-40B4-BE49-F238E27FC236}">
                <a16:creationId xmlns:a16="http://schemas.microsoft.com/office/drawing/2014/main" id="{E4F91889-D1DC-13D1-B50D-1FC8402E911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5949659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Bilde (v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lassholder for bilde 7">
            <a:extLst>
              <a:ext uri="{FF2B5EF4-FFF2-40B4-BE49-F238E27FC236}">
                <a16:creationId xmlns:a16="http://schemas.microsoft.com/office/drawing/2014/main" id="{72660B8F-0BAE-15FF-88C8-EE79E388F49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D0954805-39EC-52CC-DDE7-6638D4EBDFA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4" name="Bilde 2">
            <a:extLst>
              <a:ext uri="{FF2B5EF4-FFF2-40B4-BE49-F238E27FC236}">
                <a16:creationId xmlns:a16="http://schemas.microsoft.com/office/drawing/2014/main" id="{EAD19839-636D-BCE9-09CA-2AE7AABBCC2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04338736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6" name="Plassholder for tekst 2">
            <a:extLst>
              <a:ext uri="{FF2B5EF4-FFF2-40B4-BE49-F238E27FC236}">
                <a16:creationId xmlns:a16="http://schemas.microsoft.com/office/drawing/2014/main" id="{CED34F65-A96E-F531-4CBC-F8FC34B16A0A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8201" y="1440000"/>
            <a:ext cx="3014582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27" name="Plassholder for tekst 2">
            <a:extLst>
              <a:ext uri="{FF2B5EF4-FFF2-40B4-BE49-F238E27FC236}">
                <a16:creationId xmlns:a16="http://schemas.microsoft.com/office/drawing/2014/main" id="{1A6EC7DB-7BC2-1DBF-7B5D-8105CEA778BA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4589931" y="1440000"/>
            <a:ext cx="3014582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28" name="Plassholder for tekst 2">
            <a:extLst>
              <a:ext uri="{FF2B5EF4-FFF2-40B4-BE49-F238E27FC236}">
                <a16:creationId xmlns:a16="http://schemas.microsoft.com/office/drawing/2014/main" id="{386E7C78-4D75-7B27-85DF-2D06E2B1E65C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341660" y="1440000"/>
            <a:ext cx="3014582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35" name="Tittel 1">
            <a:extLst>
              <a:ext uri="{FF2B5EF4-FFF2-40B4-BE49-F238E27FC236}">
                <a16:creationId xmlns:a16="http://schemas.microsoft.com/office/drawing/2014/main" id="{550E15D3-594C-FF86-7351-B0AA4613118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17" name="Plassholder for bilde 16">
            <a:extLst>
              <a:ext uri="{FF2B5EF4-FFF2-40B4-BE49-F238E27FC236}">
                <a16:creationId xmlns:a16="http://schemas.microsoft.com/office/drawing/2014/main" id="{EF0F68EB-9EAC-8679-5A70-30683E9FCFED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6695" y="2268000"/>
            <a:ext cx="3013365" cy="3415283"/>
          </a:xfrm>
          <a:custGeom>
            <a:avLst/>
            <a:gdLst>
              <a:gd name="connsiteX0" fmla="*/ 675893 w 3013365"/>
              <a:gd name="connsiteY0" fmla="*/ 0 h 3415283"/>
              <a:gd name="connsiteX1" fmla="*/ 2884021 w 3013365"/>
              <a:gd name="connsiteY1" fmla="*/ 0 h 3415283"/>
              <a:gd name="connsiteX2" fmla="*/ 3013365 w 3013365"/>
              <a:gd name="connsiteY2" fmla="*/ 129349 h 3415283"/>
              <a:gd name="connsiteX3" fmla="*/ 3013365 w 3013365"/>
              <a:gd name="connsiteY3" fmla="*/ 3285934 h 3415283"/>
              <a:gd name="connsiteX4" fmla="*/ 2884021 w 3013365"/>
              <a:gd name="connsiteY4" fmla="*/ 3415283 h 3415283"/>
              <a:gd name="connsiteX5" fmla="*/ 129344 w 3013365"/>
              <a:gd name="connsiteY5" fmla="*/ 3415283 h 3415283"/>
              <a:gd name="connsiteX6" fmla="*/ 0 w 3013365"/>
              <a:gd name="connsiteY6" fmla="*/ 3285934 h 3415283"/>
              <a:gd name="connsiteX7" fmla="*/ 0 w 3013365"/>
              <a:gd name="connsiteY7" fmla="*/ 1040331 h 3415283"/>
              <a:gd name="connsiteX8" fmla="*/ 18434 w 3013365"/>
              <a:gd name="connsiteY8" fmla="*/ 973770 h 3415283"/>
              <a:gd name="connsiteX9" fmla="*/ 564983 w 3013365"/>
              <a:gd name="connsiteY9" fmla="*/ 62789 h 3415283"/>
              <a:gd name="connsiteX10" fmla="*/ 675893 w 3013365"/>
              <a:gd name="connsiteY10" fmla="*/ 0 h 341528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013365" h="3415283">
                <a:moveTo>
                  <a:pt x="675893" y="0"/>
                </a:moveTo>
                <a:lnTo>
                  <a:pt x="2884021" y="0"/>
                </a:lnTo>
                <a:cubicBezTo>
                  <a:pt x="2955446" y="0"/>
                  <a:pt x="3013365" y="57921"/>
                  <a:pt x="3013365" y="129349"/>
                </a:cubicBezTo>
                <a:lnTo>
                  <a:pt x="3013365" y="3285934"/>
                </a:lnTo>
                <a:cubicBezTo>
                  <a:pt x="3013365" y="3357361"/>
                  <a:pt x="2955446" y="3415283"/>
                  <a:pt x="2884021" y="3415283"/>
                </a:cubicBezTo>
                <a:lnTo>
                  <a:pt x="129344" y="3415283"/>
                </a:lnTo>
                <a:cubicBezTo>
                  <a:pt x="57919" y="3415283"/>
                  <a:pt x="0" y="3357361"/>
                  <a:pt x="0" y="3285934"/>
                </a:cubicBezTo>
                <a:lnTo>
                  <a:pt x="0" y="1040331"/>
                </a:lnTo>
                <a:cubicBezTo>
                  <a:pt x="0" y="1016876"/>
                  <a:pt x="6388" y="993878"/>
                  <a:pt x="18434" y="973770"/>
                </a:cubicBezTo>
                <a:lnTo>
                  <a:pt x="564983" y="62789"/>
                </a:lnTo>
                <a:cubicBezTo>
                  <a:pt x="588345" y="23850"/>
                  <a:pt x="630446" y="0"/>
                  <a:pt x="675893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8" name="Plassholder for bilde 17">
            <a:extLst>
              <a:ext uri="{FF2B5EF4-FFF2-40B4-BE49-F238E27FC236}">
                <a16:creationId xmlns:a16="http://schemas.microsoft.com/office/drawing/2014/main" id="{68F59501-36A3-7D33-1CDB-9142B70E2414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4589932" y="2268000"/>
            <a:ext cx="3013365" cy="3415282"/>
          </a:xfrm>
          <a:custGeom>
            <a:avLst/>
            <a:gdLst>
              <a:gd name="connsiteX0" fmla="*/ 129344 w 3013365"/>
              <a:gd name="connsiteY0" fmla="*/ 0 h 3415282"/>
              <a:gd name="connsiteX1" fmla="*/ 2884021 w 3013365"/>
              <a:gd name="connsiteY1" fmla="*/ 0 h 3415282"/>
              <a:gd name="connsiteX2" fmla="*/ 3013365 w 3013365"/>
              <a:gd name="connsiteY2" fmla="*/ 129349 h 3415282"/>
              <a:gd name="connsiteX3" fmla="*/ 3013365 w 3013365"/>
              <a:gd name="connsiteY3" fmla="*/ 3285933 h 3415282"/>
              <a:gd name="connsiteX4" fmla="*/ 2884021 w 3013365"/>
              <a:gd name="connsiteY4" fmla="*/ 3415282 h 3415282"/>
              <a:gd name="connsiteX5" fmla="*/ 129344 w 3013365"/>
              <a:gd name="connsiteY5" fmla="*/ 3415282 h 3415282"/>
              <a:gd name="connsiteX6" fmla="*/ 0 w 3013365"/>
              <a:gd name="connsiteY6" fmla="*/ 3285933 h 3415282"/>
              <a:gd name="connsiteX7" fmla="*/ 0 w 3013365"/>
              <a:gd name="connsiteY7" fmla="*/ 129349 h 3415282"/>
              <a:gd name="connsiteX8" fmla="*/ 129344 w 3013365"/>
              <a:gd name="connsiteY8" fmla="*/ 0 h 34152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013365" h="3415282">
                <a:moveTo>
                  <a:pt x="129344" y="0"/>
                </a:moveTo>
                <a:lnTo>
                  <a:pt x="2884021" y="0"/>
                </a:lnTo>
                <a:cubicBezTo>
                  <a:pt x="2955456" y="0"/>
                  <a:pt x="3013365" y="57912"/>
                  <a:pt x="3013365" y="129349"/>
                </a:cubicBezTo>
                <a:lnTo>
                  <a:pt x="3013365" y="3285933"/>
                </a:lnTo>
                <a:cubicBezTo>
                  <a:pt x="3013365" y="3357370"/>
                  <a:pt x="2955456" y="3415282"/>
                  <a:pt x="2884021" y="3415282"/>
                </a:cubicBezTo>
                <a:lnTo>
                  <a:pt x="129344" y="3415282"/>
                </a:lnTo>
                <a:cubicBezTo>
                  <a:pt x="57909" y="3415282"/>
                  <a:pt x="0" y="3357370"/>
                  <a:pt x="0" y="3285933"/>
                </a:cubicBezTo>
                <a:lnTo>
                  <a:pt x="0" y="129349"/>
                </a:lnTo>
                <a:cubicBezTo>
                  <a:pt x="0" y="57912"/>
                  <a:pt x="57909" y="0"/>
                  <a:pt x="12934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9" name="Plassholder for bilde 18">
            <a:extLst>
              <a:ext uri="{FF2B5EF4-FFF2-40B4-BE49-F238E27FC236}">
                <a16:creationId xmlns:a16="http://schemas.microsoft.com/office/drawing/2014/main" id="{9AA6CBFA-A4DF-B93B-44FA-90890861FEE5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8340726" y="2268000"/>
            <a:ext cx="3011858" cy="3413573"/>
          </a:xfrm>
          <a:custGeom>
            <a:avLst/>
            <a:gdLst>
              <a:gd name="connsiteX0" fmla="*/ 129279 w 3011858"/>
              <a:gd name="connsiteY0" fmla="*/ 0 h 3413573"/>
              <a:gd name="connsiteX1" fmla="*/ 2882579 w 3011858"/>
              <a:gd name="connsiteY1" fmla="*/ 0 h 3413573"/>
              <a:gd name="connsiteX2" fmla="*/ 3011858 w 3011858"/>
              <a:gd name="connsiteY2" fmla="*/ 129285 h 3413573"/>
              <a:gd name="connsiteX3" fmla="*/ 3011858 w 3011858"/>
              <a:gd name="connsiteY3" fmla="*/ 2373763 h 3413573"/>
              <a:gd name="connsiteX4" fmla="*/ 2993433 w 3011858"/>
              <a:gd name="connsiteY4" fmla="*/ 2440291 h 3413573"/>
              <a:gd name="connsiteX5" fmla="*/ 2447157 w 3011858"/>
              <a:gd name="connsiteY5" fmla="*/ 3350816 h 3413573"/>
              <a:gd name="connsiteX6" fmla="*/ 2336303 w 3011858"/>
              <a:gd name="connsiteY6" fmla="*/ 3413573 h 3413573"/>
              <a:gd name="connsiteX7" fmla="*/ 129279 w 3011858"/>
              <a:gd name="connsiteY7" fmla="*/ 3413573 h 3413573"/>
              <a:gd name="connsiteX8" fmla="*/ 0 w 3011858"/>
              <a:gd name="connsiteY8" fmla="*/ 3284289 h 3413573"/>
              <a:gd name="connsiteX9" fmla="*/ 0 w 3011858"/>
              <a:gd name="connsiteY9" fmla="*/ 129285 h 3413573"/>
              <a:gd name="connsiteX10" fmla="*/ 129279 w 3011858"/>
              <a:gd name="connsiteY10" fmla="*/ 0 h 34135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011858" h="3413573">
                <a:moveTo>
                  <a:pt x="129279" y="0"/>
                </a:moveTo>
                <a:lnTo>
                  <a:pt x="2882579" y="0"/>
                </a:lnTo>
                <a:cubicBezTo>
                  <a:pt x="2953968" y="0"/>
                  <a:pt x="3011858" y="57892"/>
                  <a:pt x="3011858" y="129285"/>
                </a:cubicBezTo>
                <a:lnTo>
                  <a:pt x="3011858" y="2373763"/>
                </a:lnTo>
                <a:cubicBezTo>
                  <a:pt x="3011858" y="2397206"/>
                  <a:pt x="3005473" y="2420193"/>
                  <a:pt x="2993433" y="2440291"/>
                </a:cubicBezTo>
                <a:lnTo>
                  <a:pt x="2447157" y="3350816"/>
                </a:lnTo>
                <a:cubicBezTo>
                  <a:pt x="2423807" y="3389735"/>
                  <a:pt x="2381727" y="3413573"/>
                  <a:pt x="2336303" y="3413573"/>
                </a:cubicBezTo>
                <a:lnTo>
                  <a:pt x="129279" y="3413573"/>
                </a:lnTo>
                <a:cubicBezTo>
                  <a:pt x="57890" y="3413573"/>
                  <a:pt x="0" y="3355681"/>
                  <a:pt x="0" y="3284289"/>
                </a:cubicBezTo>
                <a:lnTo>
                  <a:pt x="0" y="129285"/>
                </a:lnTo>
                <a:cubicBezTo>
                  <a:pt x="0" y="57892"/>
                  <a:pt x="57890" y="0"/>
                  <a:pt x="129279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D48F12C7-4405-9A73-2043-F8CDFC8610C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3706312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A626301B-92ED-FC60-D58E-E83F321FEB0D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4588" y="1440000"/>
            <a:ext cx="2487600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22" name="Plassholder for tekst 2">
            <a:extLst>
              <a:ext uri="{FF2B5EF4-FFF2-40B4-BE49-F238E27FC236}">
                <a16:creationId xmlns:a16="http://schemas.microsoft.com/office/drawing/2014/main" id="{E603E3E6-9E37-E1CB-46F9-01545DE61496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516527" y="1440000"/>
            <a:ext cx="2486994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/>
              <a:t>H2 Overskrift</a:t>
            </a:r>
          </a:p>
        </p:txBody>
      </p:sp>
      <p:sp>
        <p:nvSpPr>
          <p:cNvPr id="26" name="Plassholder for tekst 2">
            <a:extLst>
              <a:ext uri="{FF2B5EF4-FFF2-40B4-BE49-F238E27FC236}">
                <a16:creationId xmlns:a16="http://schemas.microsoft.com/office/drawing/2014/main" id="{CE16A991-591F-CAAD-7A45-42CF6A6714F2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6197860" y="1440000"/>
            <a:ext cx="2486994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/>
              <a:t>H2 Overskrift</a:t>
            </a:r>
          </a:p>
        </p:txBody>
      </p:sp>
      <p:sp>
        <p:nvSpPr>
          <p:cNvPr id="30" name="Plassholder for tekst 2">
            <a:extLst>
              <a:ext uri="{FF2B5EF4-FFF2-40B4-BE49-F238E27FC236}">
                <a16:creationId xmlns:a16="http://schemas.microsoft.com/office/drawing/2014/main" id="{B76AB1BF-AF1B-EF2E-8F06-DD93E634608B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8879194" y="1440000"/>
            <a:ext cx="2486994" cy="720000"/>
          </a:xfrm>
        </p:spPr>
        <p:txBody>
          <a:bodyPr tIns="0" bIns="0" anchor="b">
            <a:noAutofit/>
          </a:bodyPr>
          <a:lstStyle>
            <a:lvl1pPr marL="0" indent="0" algn="ctr">
              <a:buNone/>
              <a:defRPr sz="24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35" name="Tittel 1">
            <a:extLst>
              <a:ext uri="{FF2B5EF4-FFF2-40B4-BE49-F238E27FC236}">
                <a16:creationId xmlns:a16="http://schemas.microsoft.com/office/drawing/2014/main" id="{00F5610C-F54A-7BCA-A22E-FC9C0021628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Plassholder for bilde 2">
            <a:extLst>
              <a:ext uri="{FF2B5EF4-FFF2-40B4-BE49-F238E27FC236}">
                <a16:creationId xmlns:a16="http://schemas.microsoft.com/office/drawing/2014/main" id="{AEDCDCE5-DBE3-2F22-8F65-D2EB1D65E10E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4589" y="2268000"/>
            <a:ext cx="2487600" cy="3315723"/>
          </a:xfrm>
          <a:custGeom>
            <a:avLst/>
            <a:gdLst>
              <a:gd name="connsiteX0" fmla="*/ 675893 w 3013075"/>
              <a:gd name="connsiteY0" fmla="*/ 0 h 4016129"/>
              <a:gd name="connsiteX1" fmla="*/ 2884021 w 3013075"/>
              <a:gd name="connsiteY1" fmla="*/ 0 h 4016129"/>
              <a:gd name="connsiteX2" fmla="*/ 3003199 w 3013075"/>
              <a:gd name="connsiteY2" fmla="*/ 78969 h 4016129"/>
              <a:gd name="connsiteX3" fmla="*/ 3013075 w 3013075"/>
              <a:gd name="connsiteY3" fmla="*/ 127855 h 4016129"/>
              <a:gd name="connsiteX4" fmla="*/ 3013075 w 3013075"/>
              <a:gd name="connsiteY4" fmla="*/ 3888275 h 4016129"/>
              <a:gd name="connsiteX5" fmla="*/ 3003199 w 3013075"/>
              <a:gd name="connsiteY5" fmla="*/ 3937161 h 4016129"/>
              <a:gd name="connsiteX6" fmla="*/ 2884021 w 3013075"/>
              <a:gd name="connsiteY6" fmla="*/ 4016129 h 4016129"/>
              <a:gd name="connsiteX7" fmla="*/ 129344 w 3013075"/>
              <a:gd name="connsiteY7" fmla="*/ 4016129 h 4016129"/>
              <a:gd name="connsiteX8" fmla="*/ 0 w 3013075"/>
              <a:gd name="connsiteY8" fmla="*/ 3886839 h 4016129"/>
              <a:gd name="connsiteX9" fmla="*/ 0 w 3013075"/>
              <a:gd name="connsiteY9" fmla="*/ 1039851 h 4016129"/>
              <a:gd name="connsiteX10" fmla="*/ 18434 w 3013075"/>
              <a:gd name="connsiteY10" fmla="*/ 973321 h 4016129"/>
              <a:gd name="connsiteX11" fmla="*/ 564983 w 3013075"/>
              <a:gd name="connsiteY11" fmla="*/ 62760 h 4016129"/>
              <a:gd name="connsiteX12" fmla="*/ 675893 w 3013075"/>
              <a:gd name="connsiteY12" fmla="*/ 0 h 40161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3013075" h="4016129">
                <a:moveTo>
                  <a:pt x="675893" y="0"/>
                </a:moveTo>
                <a:lnTo>
                  <a:pt x="2884021" y="0"/>
                </a:lnTo>
                <a:cubicBezTo>
                  <a:pt x="2937590" y="0"/>
                  <a:pt x="2983561" y="32566"/>
                  <a:pt x="3003199" y="78969"/>
                </a:cubicBezTo>
                <a:lnTo>
                  <a:pt x="3013075" y="127855"/>
                </a:lnTo>
                <a:lnTo>
                  <a:pt x="3013075" y="3888275"/>
                </a:lnTo>
                <a:lnTo>
                  <a:pt x="3003199" y="3937161"/>
                </a:lnTo>
                <a:cubicBezTo>
                  <a:pt x="2983561" y="3983563"/>
                  <a:pt x="2937590" y="4016129"/>
                  <a:pt x="2884021" y="4016129"/>
                </a:cubicBezTo>
                <a:lnTo>
                  <a:pt x="129344" y="4016129"/>
                </a:lnTo>
                <a:cubicBezTo>
                  <a:pt x="57919" y="4016129"/>
                  <a:pt x="0" y="3958234"/>
                  <a:pt x="0" y="3886839"/>
                </a:cubicBezTo>
                <a:lnTo>
                  <a:pt x="0" y="1039851"/>
                </a:lnTo>
                <a:cubicBezTo>
                  <a:pt x="0" y="1016408"/>
                  <a:pt x="6358" y="993420"/>
                  <a:pt x="18434" y="973321"/>
                </a:cubicBezTo>
                <a:lnTo>
                  <a:pt x="564983" y="62760"/>
                </a:lnTo>
                <a:cubicBezTo>
                  <a:pt x="588376" y="23839"/>
                  <a:pt x="630477" y="0"/>
                  <a:pt x="675893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800">
                <a:solidFill>
                  <a:schemeClr val="tx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4" name="Plassholder for bilde 3">
            <a:extLst>
              <a:ext uri="{FF2B5EF4-FFF2-40B4-BE49-F238E27FC236}">
                <a16:creationId xmlns:a16="http://schemas.microsoft.com/office/drawing/2014/main" id="{1A838B20-B4A9-9C59-6814-FD67BFC80281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3516527" y="2268335"/>
            <a:ext cx="2486994" cy="3314597"/>
          </a:xfrm>
          <a:custGeom>
            <a:avLst/>
            <a:gdLst>
              <a:gd name="connsiteX0" fmla="*/ 129344 w 3013364"/>
              <a:gd name="connsiteY0" fmla="*/ 0 h 4016129"/>
              <a:gd name="connsiteX1" fmla="*/ 2884021 w 3013364"/>
              <a:gd name="connsiteY1" fmla="*/ 0 h 4016129"/>
              <a:gd name="connsiteX2" fmla="*/ 3003199 w 3013364"/>
              <a:gd name="connsiteY2" fmla="*/ 78969 h 4016129"/>
              <a:gd name="connsiteX3" fmla="*/ 3013364 w 3013364"/>
              <a:gd name="connsiteY3" fmla="*/ 129285 h 4016129"/>
              <a:gd name="connsiteX4" fmla="*/ 3013364 w 3013364"/>
              <a:gd name="connsiteY4" fmla="*/ 2976286 h 4016129"/>
              <a:gd name="connsiteX5" fmla="*/ 3008677 w 3013364"/>
              <a:gd name="connsiteY5" fmla="*/ 3010798 h 4016129"/>
              <a:gd name="connsiteX6" fmla="*/ 2994931 w 3013364"/>
              <a:gd name="connsiteY6" fmla="*/ 3042808 h 4016129"/>
              <a:gd name="connsiteX7" fmla="*/ 2448382 w 3013364"/>
              <a:gd name="connsiteY7" fmla="*/ 3953370 h 4016129"/>
              <a:gd name="connsiteX8" fmla="*/ 2401209 w 3013364"/>
              <a:gd name="connsiteY8" fmla="*/ 3999357 h 4016129"/>
              <a:gd name="connsiteX9" fmla="*/ 2337476 w 3013364"/>
              <a:gd name="connsiteY9" fmla="*/ 4016129 h 4016129"/>
              <a:gd name="connsiteX10" fmla="*/ 129339 w 3013364"/>
              <a:gd name="connsiteY10" fmla="*/ 4016129 h 4016129"/>
              <a:gd name="connsiteX11" fmla="*/ 79002 w 3013364"/>
              <a:gd name="connsiteY11" fmla="*/ 4005969 h 4016129"/>
              <a:gd name="connsiteX12" fmla="*/ 0 w 3013364"/>
              <a:gd name="connsiteY12" fmla="*/ 3886840 h 4016129"/>
              <a:gd name="connsiteX13" fmla="*/ 0 w 3013364"/>
              <a:gd name="connsiteY13" fmla="*/ 129290 h 4016129"/>
              <a:gd name="connsiteX14" fmla="*/ 129344 w 3013364"/>
              <a:gd name="connsiteY14" fmla="*/ 0 h 40161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3013364" h="4016129">
                <a:moveTo>
                  <a:pt x="129344" y="0"/>
                </a:moveTo>
                <a:lnTo>
                  <a:pt x="2884021" y="0"/>
                </a:lnTo>
                <a:cubicBezTo>
                  <a:pt x="2937590" y="0"/>
                  <a:pt x="2983561" y="32566"/>
                  <a:pt x="3003199" y="78969"/>
                </a:cubicBezTo>
                <a:lnTo>
                  <a:pt x="3013364" y="129285"/>
                </a:lnTo>
                <a:lnTo>
                  <a:pt x="3013364" y="2976286"/>
                </a:lnTo>
                <a:lnTo>
                  <a:pt x="3008677" y="3010798"/>
                </a:lnTo>
                <a:cubicBezTo>
                  <a:pt x="3005578" y="3021988"/>
                  <a:pt x="3000969" y="3032759"/>
                  <a:pt x="2994931" y="3042808"/>
                </a:cubicBezTo>
                <a:lnTo>
                  <a:pt x="2448382" y="3953370"/>
                </a:lnTo>
                <a:cubicBezTo>
                  <a:pt x="2436701" y="3972846"/>
                  <a:pt x="2420335" y="3988536"/>
                  <a:pt x="2401209" y="3999357"/>
                </a:cubicBezTo>
                <a:lnTo>
                  <a:pt x="2337476" y="4016129"/>
                </a:lnTo>
                <a:lnTo>
                  <a:pt x="129339" y="4016129"/>
                </a:lnTo>
                <a:lnTo>
                  <a:pt x="79002" y="4005969"/>
                </a:lnTo>
                <a:cubicBezTo>
                  <a:pt x="32580" y="3986339"/>
                  <a:pt x="0" y="3940386"/>
                  <a:pt x="0" y="3886840"/>
                </a:cubicBezTo>
                <a:lnTo>
                  <a:pt x="0" y="129290"/>
                </a:lnTo>
                <a:cubicBezTo>
                  <a:pt x="0" y="57895"/>
                  <a:pt x="57919" y="0"/>
                  <a:pt x="129344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FontTx/>
              <a:buNone/>
              <a:defRPr sz="1800">
                <a:solidFill>
                  <a:schemeClr val="tx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" name="Plassholder for bilde 4">
            <a:extLst>
              <a:ext uri="{FF2B5EF4-FFF2-40B4-BE49-F238E27FC236}">
                <a16:creationId xmlns:a16="http://schemas.microsoft.com/office/drawing/2014/main" id="{70861E1D-FE3B-5B7C-AB83-91C50EE73BDF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6197860" y="2268000"/>
            <a:ext cx="2486994" cy="3314595"/>
          </a:xfrm>
          <a:custGeom>
            <a:avLst/>
            <a:gdLst>
              <a:gd name="connsiteX0" fmla="*/ 129325 w 3012910"/>
              <a:gd name="connsiteY0" fmla="*/ 0 h 4015521"/>
              <a:gd name="connsiteX1" fmla="*/ 2883585 w 3012910"/>
              <a:gd name="connsiteY1" fmla="*/ 0 h 4015521"/>
              <a:gd name="connsiteX2" fmla="*/ 3012910 w 3012910"/>
              <a:gd name="connsiteY2" fmla="*/ 129270 h 4015521"/>
              <a:gd name="connsiteX3" fmla="*/ 3012910 w 3012910"/>
              <a:gd name="connsiteY3" fmla="*/ 3886251 h 4015521"/>
              <a:gd name="connsiteX4" fmla="*/ 2883585 w 3012910"/>
              <a:gd name="connsiteY4" fmla="*/ 4015521 h 4015521"/>
              <a:gd name="connsiteX5" fmla="*/ 129325 w 3012910"/>
              <a:gd name="connsiteY5" fmla="*/ 4015521 h 4015521"/>
              <a:gd name="connsiteX6" fmla="*/ 0 w 3012910"/>
              <a:gd name="connsiteY6" fmla="*/ 3886251 h 4015521"/>
              <a:gd name="connsiteX7" fmla="*/ 0 w 3012910"/>
              <a:gd name="connsiteY7" fmla="*/ 129270 h 4015521"/>
              <a:gd name="connsiteX8" fmla="*/ 129325 w 3012910"/>
              <a:gd name="connsiteY8" fmla="*/ 0 h 401552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012910" h="4015521">
                <a:moveTo>
                  <a:pt x="129325" y="0"/>
                </a:moveTo>
                <a:lnTo>
                  <a:pt x="2883585" y="0"/>
                </a:lnTo>
                <a:cubicBezTo>
                  <a:pt x="2955009" y="0"/>
                  <a:pt x="3012910" y="57876"/>
                  <a:pt x="3012910" y="129270"/>
                </a:cubicBezTo>
                <a:lnTo>
                  <a:pt x="3012910" y="3886251"/>
                </a:lnTo>
                <a:cubicBezTo>
                  <a:pt x="3012910" y="3957645"/>
                  <a:pt x="2955009" y="4015521"/>
                  <a:pt x="2883585" y="4015521"/>
                </a:cubicBezTo>
                <a:lnTo>
                  <a:pt x="129325" y="4015521"/>
                </a:lnTo>
                <a:cubicBezTo>
                  <a:pt x="57901" y="4015521"/>
                  <a:pt x="0" y="3957645"/>
                  <a:pt x="0" y="3886251"/>
                </a:cubicBezTo>
                <a:lnTo>
                  <a:pt x="0" y="129270"/>
                </a:lnTo>
                <a:cubicBezTo>
                  <a:pt x="0" y="57876"/>
                  <a:pt x="57901" y="0"/>
                  <a:pt x="12932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800">
                <a:solidFill>
                  <a:schemeClr val="tx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13" name="Plassholder for bilde 12">
            <a:extLst>
              <a:ext uri="{FF2B5EF4-FFF2-40B4-BE49-F238E27FC236}">
                <a16:creationId xmlns:a16="http://schemas.microsoft.com/office/drawing/2014/main" id="{0D2B1E80-5263-B1D4-27A0-F83907448B29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879192" y="2268000"/>
            <a:ext cx="2487309" cy="3314932"/>
          </a:xfrm>
          <a:custGeom>
            <a:avLst/>
            <a:gdLst>
              <a:gd name="connsiteX0" fmla="*/ 557934 w 2487309"/>
              <a:gd name="connsiteY0" fmla="*/ 0 h 3314932"/>
              <a:gd name="connsiteX1" fmla="*/ 2380693 w 2487309"/>
              <a:gd name="connsiteY1" fmla="*/ 0 h 3314932"/>
              <a:gd name="connsiteX2" fmla="*/ 2479072 w 2487309"/>
              <a:gd name="connsiteY2" fmla="*/ 65187 h 3314932"/>
              <a:gd name="connsiteX3" fmla="*/ 2487309 w 2487309"/>
              <a:gd name="connsiteY3" fmla="*/ 105959 h 3314932"/>
              <a:gd name="connsiteX4" fmla="*/ 2487309 w 2487309"/>
              <a:gd name="connsiteY4" fmla="*/ 800379 h 3314932"/>
              <a:gd name="connsiteX5" fmla="*/ 2483594 w 2487309"/>
              <a:gd name="connsiteY5" fmla="*/ 827733 h 3314932"/>
              <a:gd name="connsiteX6" fmla="*/ 2472247 w 2487309"/>
              <a:gd name="connsiteY6" fmla="*/ 854157 h 3314932"/>
              <a:gd name="connsiteX7" fmla="*/ 2086999 w 2487309"/>
              <a:gd name="connsiteY7" fmla="*/ 1495992 h 3314932"/>
              <a:gd name="connsiteX8" fmla="*/ 2178552 w 2487309"/>
              <a:gd name="connsiteY8" fmla="*/ 1657636 h 3314932"/>
              <a:gd name="connsiteX9" fmla="*/ 2380693 w 2487309"/>
              <a:gd name="connsiteY9" fmla="*/ 1657636 h 3314932"/>
              <a:gd name="connsiteX10" fmla="*/ 2479072 w 2487309"/>
              <a:gd name="connsiteY10" fmla="*/ 1722823 h 3314932"/>
              <a:gd name="connsiteX11" fmla="*/ 2487309 w 2487309"/>
              <a:gd name="connsiteY11" fmla="*/ 1763595 h 3314932"/>
              <a:gd name="connsiteX12" fmla="*/ 2487309 w 2487309"/>
              <a:gd name="connsiteY12" fmla="*/ 2458015 h 3314932"/>
              <a:gd name="connsiteX13" fmla="*/ 2483594 w 2487309"/>
              <a:gd name="connsiteY13" fmla="*/ 2485369 h 3314932"/>
              <a:gd name="connsiteX14" fmla="*/ 2472247 w 2487309"/>
              <a:gd name="connsiteY14" fmla="*/ 2511793 h 3314932"/>
              <a:gd name="connsiteX15" fmla="*/ 2021083 w 2487309"/>
              <a:gd name="connsiteY15" fmla="*/ 3263441 h 3314932"/>
              <a:gd name="connsiteX16" fmla="*/ 1982143 w 2487309"/>
              <a:gd name="connsiteY16" fmla="*/ 3301402 h 3314932"/>
              <a:gd name="connsiteX17" fmla="*/ 1930726 w 2487309"/>
              <a:gd name="connsiteY17" fmla="*/ 3314932 h 3314932"/>
              <a:gd name="connsiteX18" fmla="*/ 105334 w 2487309"/>
              <a:gd name="connsiteY18" fmla="*/ 3314932 h 3314932"/>
              <a:gd name="connsiteX19" fmla="*/ 65214 w 2487309"/>
              <a:gd name="connsiteY19" fmla="*/ 3306834 h 3314932"/>
              <a:gd name="connsiteX20" fmla="*/ 0 w 2487309"/>
              <a:gd name="connsiteY20" fmla="*/ 3208497 h 3314932"/>
              <a:gd name="connsiteX21" fmla="*/ 0 w 2487309"/>
              <a:gd name="connsiteY21" fmla="*/ 858373 h 3314932"/>
              <a:gd name="connsiteX22" fmla="*/ 15217 w 2487309"/>
              <a:gd name="connsiteY22" fmla="*/ 803454 h 3314932"/>
              <a:gd name="connsiteX23" fmla="*/ 466381 w 2487309"/>
              <a:gd name="connsiteY23" fmla="*/ 51807 h 3314932"/>
              <a:gd name="connsiteX24" fmla="*/ 557934 w 2487309"/>
              <a:gd name="connsiteY24" fmla="*/ 0 h 33149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</a:cxnLst>
            <a:rect l="l" t="t" r="r" b="b"/>
            <a:pathLst>
              <a:path w="2487309" h="3314932">
                <a:moveTo>
                  <a:pt x="557934" y="0"/>
                </a:moveTo>
                <a:lnTo>
                  <a:pt x="2380693" y="0"/>
                </a:lnTo>
                <a:cubicBezTo>
                  <a:pt x="2424913" y="0"/>
                  <a:pt x="2462862" y="26883"/>
                  <a:pt x="2479072" y="65187"/>
                </a:cubicBezTo>
                <a:lnTo>
                  <a:pt x="2487309" y="105959"/>
                </a:lnTo>
                <a:lnTo>
                  <a:pt x="2487309" y="800379"/>
                </a:lnTo>
                <a:lnTo>
                  <a:pt x="2483594" y="827733"/>
                </a:lnTo>
                <a:cubicBezTo>
                  <a:pt x="2481036" y="836969"/>
                  <a:pt x="2477231" y="845861"/>
                  <a:pt x="2472247" y="854157"/>
                </a:cubicBezTo>
                <a:lnTo>
                  <a:pt x="2086999" y="1495992"/>
                </a:lnTo>
                <a:cubicBezTo>
                  <a:pt x="2044310" y="1567125"/>
                  <a:pt x="2095561" y="1657636"/>
                  <a:pt x="2178552" y="1657636"/>
                </a:cubicBezTo>
                <a:lnTo>
                  <a:pt x="2380693" y="1657636"/>
                </a:lnTo>
                <a:cubicBezTo>
                  <a:pt x="2424913" y="1657636"/>
                  <a:pt x="2462862" y="1684519"/>
                  <a:pt x="2479072" y="1722823"/>
                </a:cubicBezTo>
                <a:lnTo>
                  <a:pt x="2487309" y="1763595"/>
                </a:lnTo>
                <a:lnTo>
                  <a:pt x="2487309" y="2458015"/>
                </a:lnTo>
                <a:lnTo>
                  <a:pt x="2483594" y="2485369"/>
                </a:lnTo>
                <a:cubicBezTo>
                  <a:pt x="2481036" y="2494606"/>
                  <a:pt x="2477231" y="2503498"/>
                  <a:pt x="2472247" y="2511793"/>
                </a:cubicBezTo>
                <a:lnTo>
                  <a:pt x="2021083" y="3263441"/>
                </a:lnTo>
                <a:cubicBezTo>
                  <a:pt x="2011441" y="3279518"/>
                  <a:pt x="1997931" y="3292469"/>
                  <a:pt x="1982143" y="3301402"/>
                </a:cubicBezTo>
                <a:lnTo>
                  <a:pt x="1930726" y="3314932"/>
                </a:lnTo>
                <a:lnTo>
                  <a:pt x="105334" y="3314932"/>
                </a:lnTo>
                <a:lnTo>
                  <a:pt x="65214" y="3306834"/>
                </a:lnTo>
                <a:cubicBezTo>
                  <a:pt x="26894" y="3290631"/>
                  <a:pt x="0" y="3252698"/>
                  <a:pt x="0" y="3208497"/>
                </a:cubicBezTo>
                <a:lnTo>
                  <a:pt x="0" y="858373"/>
                </a:lnTo>
                <a:cubicBezTo>
                  <a:pt x="0" y="839021"/>
                  <a:pt x="5248" y="820046"/>
                  <a:pt x="15217" y="803454"/>
                </a:cubicBezTo>
                <a:lnTo>
                  <a:pt x="466381" y="51807"/>
                </a:lnTo>
                <a:cubicBezTo>
                  <a:pt x="485691" y="19678"/>
                  <a:pt x="520444" y="0"/>
                  <a:pt x="557934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800">
                <a:solidFill>
                  <a:schemeClr val="tx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pic>
        <p:nvPicPr>
          <p:cNvPr id="7" name="Bilde 2">
            <a:extLst>
              <a:ext uri="{FF2B5EF4-FFF2-40B4-BE49-F238E27FC236}">
                <a16:creationId xmlns:a16="http://schemas.microsoft.com/office/drawing/2014/main" id="{02067B16-188B-F58A-C1F4-2C6EF97CF8F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3544554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Bilder (v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A626301B-92ED-FC60-D58E-E83F321FEB0D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8199" y="2088000"/>
            <a:ext cx="1962000" cy="575535"/>
          </a:xfrm>
        </p:spPr>
        <p:txBody>
          <a:bodyPr tIns="46800" bIns="46800" anchor="b">
            <a:noAutofit/>
          </a:bodyPr>
          <a:lstStyle>
            <a:lvl1pPr marL="0" indent="0" algn="ctr">
              <a:spcBef>
                <a:spcPts val="0"/>
              </a:spcBef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22" name="Plassholder for tekst 2">
            <a:extLst>
              <a:ext uri="{FF2B5EF4-FFF2-40B4-BE49-F238E27FC236}">
                <a16:creationId xmlns:a16="http://schemas.microsoft.com/office/drawing/2014/main" id="{E603E3E6-9E37-E1CB-46F9-01545DE61496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976599" y="2088000"/>
            <a:ext cx="1962000" cy="576250"/>
          </a:xfrm>
        </p:spPr>
        <p:txBody>
          <a:bodyPr tIns="46800" bIns="46800" anchor="b">
            <a:noAutofit/>
          </a:bodyPr>
          <a:lstStyle>
            <a:lvl1pPr marL="0" indent="0" algn="ctr">
              <a:spcBef>
                <a:spcPts val="0"/>
              </a:spcBef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26" name="Plassholder for tekst 2">
            <a:extLst>
              <a:ext uri="{FF2B5EF4-FFF2-40B4-BE49-F238E27FC236}">
                <a16:creationId xmlns:a16="http://schemas.microsoft.com/office/drawing/2014/main" id="{CE16A991-591F-CAAD-7A45-42CF6A6714F2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5114999" y="2088000"/>
            <a:ext cx="1962000" cy="576250"/>
          </a:xfrm>
        </p:spPr>
        <p:txBody>
          <a:bodyPr tIns="46800" bIns="46800" anchor="b">
            <a:noAutofit/>
          </a:bodyPr>
          <a:lstStyle>
            <a:lvl1pPr marL="0" indent="0" algn="ctr">
              <a:spcBef>
                <a:spcPts val="0"/>
              </a:spcBef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30" name="Plassholder for tekst 2">
            <a:extLst>
              <a:ext uri="{FF2B5EF4-FFF2-40B4-BE49-F238E27FC236}">
                <a16:creationId xmlns:a16="http://schemas.microsoft.com/office/drawing/2014/main" id="{B76AB1BF-AF1B-EF2E-8F06-DD93E634608B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7253399" y="2088000"/>
            <a:ext cx="1962000" cy="576250"/>
          </a:xfrm>
        </p:spPr>
        <p:txBody>
          <a:bodyPr tIns="46800" bIns="46800" anchor="b">
            <a:noAutofit/>
          </a:bodyPr>
          <a:lstStyle>
            <a:lvl1pPr marL="0" indent="0" algn="ctr">
              <a:spcBef>
                <a:spcPts val="0"/>
              </a:spcBef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639573D8-71D4-2D3C-C700-E5420324AFA0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9391800" y="2088000"/>
            <a:ext cx="1962000" cy="576250"/>
          </a:xfrm>
        </p:spPr>
        <p:txBody>
          <a:bodyPr tIns="46800" bIns="46800" anchor="b">
            <a:noAutofit/>
          </a:bodyPr>
          <a:lstStyle>
            <a:lvl1pPr marL="0" indent="0" algn="ctr">
              <a:spcBef>
                <a:spcPts val="0"/>
              </a:spcBef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" name="Tittel 1">
            <a:extLst>
              <a:ext uri="{FF2B5EF4-FFF2-40B4-BE49-F238E27FC236}">
                <a16:creationId xmlns:a16="http://schemas.microsoft.com/office/drawing/2014/main" id="{CB046190-18F1-B510-732D-0343420A73A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7" name="Plassholder for bilde 6">
            <a:extLst>
              <a:ext uri="{FF2B5EF4-FFF2-40B4-BE49-F238E27FC236}">
                <a16:creationId xmlns:a16="http://schemas.microsoft.com/office/drawing/2014/main" id="{B4D3BFEB-B91A-7355-B842-25DB1688E89A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8199" y="2915975"/>
            <a:ext cx="1962000" cy="2615151"/>
          </a:xfrm>
          <a:custGeom>
            <a:avLst/>
            <a:gdLst>
              <a:gd name="connsiteX0" fmla="*/ 675893 w 3013075"/>
              <a:gd name="connsiteY0" fmla="*/ 0 h 4016129"/>
              <a:gd name="connsiteX1" fmla="*/ 2884021 w 3013075"/>
              <a:gd name="connsiteY1" fmla="*/ 0 h 4016129"/>
              <a:gd name="connsiteX2" fmla="*/ 3003199 w 3013075"/>
              <a:gd name="connsiteY2" fmla="*/ 78969 h 4016129"/>
              <a:gd name="connsiteX3" fmla="*/ 3013075 w 3013075"/>
              <a:gd name="connsiteY3" fmla="*/ 127855 h 4016129"/>
              <a:gd name="connsiteX4" fmla="*/ 3013075 w 3013075"/>
              <a:gd name="connsiteY4" fmla="*/ 3888275 h 4016129"/>
              <a:gd name="connsiteX5" fmla="*/ 3003199 w 3013075"/>
              <a:gd name="connsiteY5" fmla="*/ 3937161 h 4016129"/>
              <a:gd name="connsiteX6" fmla="*/ 2884021 w 3013075"/>
              <a:gd name="connsiteY6" fmla="*/ 4016129 h 4016129"/>
              <a:gd name="connsiteX7" fmla="*/ 129344 w 3013075"/>
              <a:gd name="connsiteY7" fmla="*/ 4016129 h 4016129"/>
              <a:gd name="connsiteX8" fmla="*/ 0 w 3013075"/>
              <a:gd name="connsiteY8" fmla="*/ 3886839 h 4016129"/>
              <a:gd name="connsiteX9" fmla="*/ 0 w 3013075"/>
              <a:gd name="connsiteY9" fmla="*/ 1039851 h 4016129"/>
              <a:gd name="connsiteX10" fmla="*/ 18434 w 3013075"/>
              <a:gd name="connsiteY10" fmla="*/ 973321 h 4016129"/>
              <a:gd name="connsiteX11" fmla="*/ 564983 w 3013075"/>
              <a:gd name="connsiteY11" fmla="*/ 62760 h 4016129"/>
              <a:gd name="connsiteX12" fmla="*/ 675893 w 3013075"/>
              <a:gd name="connsiteY12" fmla="*/ 0 h 40161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3013075" h="4016129">
                <a:moveTo>
                  <a:pt x="675893" y="0"/>
                </a:moveTo>
                <a:lnTo>
                  <a:pt x="2884021" y="0"/>
                </a:lnTo>
                <a:cubicBezTo>
                  <a:pt x="2937590" y="0"/>
                  <a:pt x="2983561" y="32566"/>
                  <a:pt x="3003199" y="78969"/>
                </a:cubicBezTo>
                <a:lnTo>
                  <a:pt x="3013075" y="127855"/>
                </a:lnTo>
                <a:lnTo>
                  <a:pt x="3013075" y="3888275"/>
                </a:lnTo>
                <a:lnTo>
                  <a:pt x="3003199" y="3937161"/>
                </a:lnTo>
                <a:cubicBezTo>
                  <a:pt x="2983561" y="3983563"/>
                  <a:pt x="2937590" y="4016129"/>
                  <a:pt x="2884021" y="4016129"/>
                </a:cubicBezTo>
                <a:lnTo>
                  <a:pt x="129344" y="4016129"/>
                </a:lnTo>
                <a:cubicBezTo>
                  <a:pt x="57919" y="4016129"/>
                  <a:pt x="0" y="3958234"/>
                  <a:pt x="0" y="3886839"/>
                </a:cubicBezTo>
                <a:lnTo>
                  <a:pt x="0" y="1039851"/>
                </a:lnTo>
                <a:cubicBezTo>
                  <a:pt x="0" y="1016408"/>
                  <a:pt x="6358" y="993420"/>
                  <a:pt x="18434" y="973321"/>
                </a:cubicBezTo>
                <a:lnTo>
                  <a:pt x="564983" y="62760"/>
                </a:lnTo>
                <a:cubicBezTo>
                  <a:pt x="588376" y="23839"/>
                  <a:pt x="630477" y="0"/>
                  <a:pt x="675893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8" name="Plassholder for bilde 7">
            <a:extLst>
              <a:ext uri="{FF2B5EF4-FFF2-40B4-BE49-F238E27FC236}">
                <a16:creationId xmlns:a16="http://schemas.microsoft.com/office/drawing/2014/main" id="{401B58C5-300D-BD68-6A4F-AEF833660933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2975959" y="2915833"/>
            <a:ext cx="1962000" cy="2614899"/>
          </a:xfrm>
          <a:custGeom>
            <a:avLst/>
            <a:gdLst>
              <a:gd name="connsiteX0" fmla="*/ 129344 w 3013364"/>
              <a:gd name="connsiteY0" fmla="*/ 0 h 4016129"/>
              <a:gd name="connsiteX1" fmla="*/ 2884021 w 3013364"/>
              <a:gd name="connsiteY1" fmla="*/ 0 h 4016129"/>
              <a:gd name="connsiteX2" fmla="*/ 3003199 w 3013364"/>
              <a:gd name="connsiteY2" fmla="*/ 78969 h 4016129"/>
              <a:gd name="connsiteX3" fmla="*/ 3013364 w 3013364"/>
              <a:gd name="connsiteY3" fmla="*/ 129285 h 4016129"/>
              <a:gd name="connsiteX4" fmla="*/ 3013364 w 3013364"/>
              <a:gd name="connsiteY4" fmla="*/ 2976286 h 4016129"/>
              <a:gd name="connsiteX5" fmla="*/ 3008677 w 3013364"/>
              <a:gd name="connsiteY5" fmla="*/ 3010798 h 4016129"/>
              <a:gd name="connsiteX6" fmla="*/ 2994931 w 3013364"/>
              <a:gd name="connsiteY6" fmla="*/ 3042808 h 4016129"/>
              <a:gd name="connsiteX7" fmla="*/ 2448382 w 3013364"/>
              <a:gd name="connsiteY7" fmla="*/ 3953370 h 4016129"/>
              <a:gd name="connsiteX8" fmla="*/ 2401209 w 3013364"/>
              <a:gd name="connsiteY8" fmla="*/ 3999357 h 4016129"/>
              <a:gd name="connsiteX9" fmla="*/ 2337476 w 3013364"/>
              <a:gd name="connsiteY9" fmla="*/ 4016129 h 4016129"/>
              <a:gd name="connsiteX10" fmla="*/ 129339 w 3013364"/>
              <a:gd name="connsiteY10" fmla="*/ 4016129 h 4016129"/>
              <a:gd name="connsiteX11" fmla="*/ 79002 w 3013364"/>
              <a:gd name="connsiteY11" fmla="*/ 4005969 h 4016129"/>
              <a:gd name="connsiteX12" fmla="*/ 0 w 3013364"/>
              <a:gd name="connsiteY12" fmla="*/ 3886840 h 4016129"/>
              <a:gd name="connsiteX13" fmla="*/ 0 w 3013364"/>
              <a:gd name="connsiteY13" fmla="*/ 129290 h 4016129"/>
              <a:gd name="connsiteX14" fmla="*/ 129344 w 3013364"/>
              <a:gd name="connsiteY14" fmla="*/ 0 h 401612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3013364" h="4016129">
                <a:moveTo>
                  <a:pt x="129344" y="0"/>
                </a:moveTo>
                <a:lnTo>
                  <a:pt x="2884021" y="0"/>
                </a:lnTo>
                <a:cubicBezTo>
                  <a:pt x="2937590" y="0"/>
                  <a:pt x="2983561" y="32566"/>
                  <a:pt x="3003199" y="78969"/>
                </a:cubicBezTo>
                <a:lnTo>
                  <a:pt x="3013364" y="129285"/>
                </a:lnTo>
                <a:lnTo>
                  <a:pt x="3013364" y="2976286"/>
                </a:lnTo>
                <a:lnTo>
                  <a:pt x="3008677" y="3010798"/>
                </a:lnTo>
                <a:cubicBezTo>
                  <a:pt x="3005578" y="3021988"/>
                  <a:pt x="3000969" y="3032759"/>
                  <a:pt x="2994931" y="3042808"/>
                </a:cubicBezTo>
                <a:lnTo>
                  <a:pt x="2448382" y="3953370"/>
                </a:lnTo>
                <a:cubicBezTo>
                  <a:pt x="2436701" y="3972846"/>
                  <a:pt x="2420335" y="3988536"/>
                  <a:pt x="2401209" y="3999357"/>
                </a:cubicBezTo>
                <a:lnTo>
                  <a:pt x="2337476" y="4016129"/>
                </a:lnTo>
                <a:lnTo>
                  <a:pt x="129339" y="4016129"/>
                </a:lnTo>
                <a:lnTo>
                  <a:pt x="79002" y="4005969"/>
                </a:lnTo>
                <a:cubicBezTo>
                  <a:pt x="32580" y="3986339"/>
                  <a:pt x="0" y="3940386"/>
                  <a:pt x="0" y="3886840"/>
                </a:cubicBezTo>
                <a:lnTo>
                  <a:pt x="0" y="129290"/>
                </a:lnTo>
                <a:cubicBezTo>
                  <a:pt x="0" y="57895"/>
                  <a:pt x="57919" y="0"/>
                  <a:pt x="129344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FontTx/>
              <a:buNone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9" name="Plassholder for bilde 8">
            <a:extLst>
              <a:ext uri="{FF2B5EF4-FFF2-40B4-BE49-F238E27FC236}">
                <a16:creationId xmlns:a16="http://schemas.microsoft.com/office/drawing/2014/main" id="{6E8707E7-381C-88D3-859E-F88B4AFFC347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5114999" y="2915822"/>
            <a:ext cx="1962190" cy="2615151"/>
          </a:xfrm>
          <a:custGeom>
            <a:avLst/>
            <a:gdLst>
              <a:gd name="connsiteX0" fmla="*/ 129325 w 3012910"/>
              <a:gd name="connsiteY0" fmla="*/ 0 h 4015521"/>
              <a:gd name="connsiteX1" fmla="*/ 2883585 w 3012910"/>
              <a:gd name="connsiteY1" fmla="*/ 0 h 4015521"/>
              <a:gd name="connsiteX2" fmla="*/ 3012910 w 3012910"/>
              <a:gd name="connsiteY2" fmla="*/ 129270 h 4015521"/>
              <a:gd name="connsiteX3" fmla="*/ 3012910 w 3012910"/>
              <a:gd name="connsiteY3" fmla="*/ 3886251 h 4015521"/>
              <a:gd name="connsiteX4" fmla="*/ 2883585 w 3012910"/>
              <a:gd name="connsiteY4" fmla="*/ 4015521 h 4015521"/>
              <a:gd name="connsiteX5" fmla="*/ 129325 w 3012910"/>
              <a:gd name="connsiteY5" fmla="*/ 4015521 h 4015521"/>
              <a:gd name="connsiteX6" fmla="*/ 0 w 3012910"/>
              <a:gd name="connsiteY6" fmla="*/ 3886251 h 4015521"/>
              <a:gd name="connsiteX7" fmla="*/ 0 w 3012910"/>
              <a:gd name="connsiteY7" fmla="*/ 129270 h 4015521"/>
              <a:gd name="connsiteX8" fmla="*/ 129325 w 3012910"/>
              <a:gd name="connsiteY8" fmla="*/ 0 h 401552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3012910" h="4015521">
                <a:moveTo>
                  <a:pt x="129325" y="0"/>
                </a:moveTo>
                <a:lnTo>
                  <a:pt x="2883585" y="0"/>
                </a:lnTo>
                <a:cubicBezTo>
                  <a:pt x="2955009" y="0"/>
                  <a:pt x="3012910" y="57876"/>
                  <a:pt x="3012910" y="129270"/>
                </a:cubicBezTo>
                <a:lnTo>
                  <a:pt x="3012910" y="3886251"/>
                </a:lnTo>
                <a:cubicBezTo>
                  <a:pt x="3012910" y="3957645"/>
                  <a:pt x="2955009" y="4015521"/>
                  <a:pt x="2883585" y="4015521"/>
                </a:cubicBezTo>
                <a:lnTo>
                  <a:pt x="129325" y="4015521"/>
                </a:lnTo>
                <a:cubicBezTo>
                  <a:pt x="57901" y="4015521"/>
                  <a:pt x="0" y="3957645"/>
                  <a:pt x="0" y="3886251"/>
                </a:cubicBezTo>
                <a:lnTo>
                  <a:pt x="0" y="129270"/>
                </a:lnTo>
                <a:cubicBezTo>
                  <a:pt x="0" y="57876"/>
                  <a:pt x="57901" y="0"/>
                  <a:pt x="12932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11" name="Plassholder for bilde 10">
            <a:extLst>
              <a:ext uri="{FF2B5EF4-FFF2-40B4-BE49-F238E27FC236}">
                <a16:creationId xmlns:a16="http://schemas.microsoft.com/office/drawing/2014/main" id="{EF4B6C40-4474-E48D-2DDB-B55CC37CD55E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7252949" y="2915867"/>
            <a:ext cx="1962000" cy="2614832"/>
          </a:xfrm>
          <a:custGeom>
            <a:avLst/>
            <a:gdLst>
              <a:gd name="connsiteX0" fmla="*/ 557934 w 2487309"/>
              <a:gd name="connsiteY0" fmla="*/ 0 h 3314932"/>
              <a:gd name="connsiteX1" fmla="*/ 2380693 w 2487309"/>
              <a:gd name="connsiteY1" fmla="*/ 0 h 3314932"/>
              <a:gd name="connsiteX2" fmla="*/ 2479072 w 2487309"/>
              <a:gd name="connsiteY2" fmla="*/ 65187 h 3314932"/>
              <a:gd name="connsiteX3" fmla="*/ 2487309 w 2487309"/>
              <a:gd name="connsiteY3" fmla="*/ 105959 h 3314932"/>
              <a:gd name="connsiteX4" fmla="*/ 2487309 w 2487309"/>
              <a:gd name="connsiteY4" fmla="*/ 800379 h 3314932"/>
              <a:gd name="connsiteX5" fmla="*/ 2483594 w 2487309"/>
              <a:gd name="connsiteY5" fmla="*/ 827733 h 3314932"/>
              <a:gd name="connsiteX6" fmla="*/ 2472247 w 2487309"/>
              <a:gd name="connsiteY6" fmla="*/ 854157 h 3314932"/>
              <a:gd name="connsiteX7" fmla="*/ 2086999 w 2487309"/>
              <a:gd name="connsiteY7" fmla="*/ 1495992 h 3314932"/>
              <a:gd name="connsiteX8" fmla="*/ 2178552 w 2487309"/>
              <a:gd name="connsiteY8" fmla="*/ 1657636 h 3314932"/>
              <a:gd name="connsiteX9" fmla="*/ 2380693 w 2487309"/>
              <a:gd name="connsiteY9" fmla="*/ 1657636 h 3314932"/>
              <a:gd name="connsiteX10" fmla="*/ 2479072 w 2487309"/>
              <a:gd name="connsiteY10" fmla="*/ 1722823 h 3314932"/>
              <a:gd name="connsiteX11" fmla="*/ 2487309 w 2487309"/>
              <a:gd name="connsiteY11" fmla="*/ 1763595 h 3314932"/>
              <a:gd name="connsiteX12" fmla="*/ 2487309 w 2487309"/>
              <a:gd name="connsiteY12" fmla="*/ 2458015 h 3314932"/>
              <a:gd name="connsiteX13" fmla="*/ 2483594 w 2487309"/>
              <a:gd name="connsiteY13" fmla="*/ 2485369 h 3314932"/>
              <a:gd name="connsiteX14" fmla="*/ 2472247 w 2487309"/>
              <a:gd name="connsiteY14" fmla="*/ 2511793 h 3314932"/>
              <a:gd name="connsiteX15" fmla="*/ 2021083 w 2487309"/>
              <a:gd name="connsiteY15" fmla="*/ 3263441 h 3314932"/>
              <a:gd name="connsiteX16" fmla="*/ 1982143 w 2487309"/>
              <a:gd name="connsiteY16" fmla="*/ 3301402 h 3314932"/>
              <a:gd name="connsiteX17" fmla="*/ 1930726 w 2487309"/>
              <a:gd name="connsiteY17" fmla="*/ 3314932 h 3314932"/>
              <a:gd name="connsiteX18" fmla="*/ 105334 w 2487309"/>
              <a:gd name="connsiteY18" fmla="*/ 3314932 h 3314932"/>
              <a:gd name="connsiteX19" fmla="*/ 65214 w 2487309"/>
              <a:gd name="connsiteY19" fmla="*/ 3306834 h 3314932"/>
              <a:gd name="connsiteX20" fmla="*/ 0 w 2487309"/>
              <a:gd name="connsiteY20" fmla="*/ 3208497 h 3314932"/>
              <a:gd name="connsiteX21" fmla="*/ 0 w 2487309"/>
              <a:gd name="connsiteY21" fmla="*/ 858373 h 3314932"/>
              <a:gd name="connsiteX22" fmla="*/ 15217 w 2487309"/>
              <a:gd name="connsiteY22" fmla="*/ 803454 h 3314932"/>
              <a:gd name="connsiteX23" fmla="*/ 466381 w 2487309"/>
              <a:gd name="connsiteY23" fmla="*/ 51807 h 3314932"/>
              <a:gd name="connsiteX24" fmla="*/ 557934 w 2487309"/>
              <a:gd name="connsiteY24" fmla="*/ 0 h 33149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</a:cxnLst>
            <a:rect l="l" t="t" r="r" b="b"/>
            <a:pathLst>
              <a:path w="2487309" h="3314932">
                <a:moveTo>
                  <a:pt x="557934" y="0"/>
                </a:moveTo>
                <a:lnTo>
                  <a:pt x="2380693" y="0"/>
                </a:lnTo>
                <a:cubicBezTo>
                  <a:pt x="2424913" y="0"/>
                  <a:pt x="2462862" y="26883"/>
                  <a:pt x="2479072" y="65187"/>
                </a:cubicBezTo>
                <a:lnTo>
                  <a:pt x="2487309" y="105959"/>
                </a:lnTo>
                <a:lnTo>
                  <a:pt x="2487309" y="800379"/>
                </a:lnTo>
                <a:lnTo>
                  <a:pt x="2483594" y="827733"/>
                </a:lnTo>
                <a:cubicBezTo>
                  <a:pt x="2481036" y="836969"/>
                  <a:pt x="2477231" y="845861"/>
                  <a:pt x="2472247" y="854157"/>
                </a:cubicBezTo>
                <a:lnTo>
                  <a:pt x="2086999" y="1495992"/>
                </a:lnTo>
                <a:cubicBezTo>
                  <a:pt x="2044310" y="1567125"/>
                  <a:pt x="2095561" y="1657636"/>
                  <a:pt x="2178552" y="1657636"/>
                </a:cubicBezTo>
                <a:lnTo>
                  <a:pt x="2380693" y="1657636"/>
                </a:lnTo>
                <a:cubicBezTo>
                  <a:pt x="2424913" y="1657636"/>
                  <a:pt x="2462862" y="1684519"/>
                  <a:pt x="2479072" y="1722823"/>
                </a:cubicBezTo>
                <a:lnTo>
                  <a:pt x="2487309" y="1763595"/>
                </a:lnTo>
                <a:lnTo>
                  <a:pt x="2487309" y="2458015"/>
                </a:lnTo>
                <a:lnTo>
                  <a:pt x="2483594" y="2485369"/>
                </a:lnTo>
                <a:cubicBezTo>
                  <a:pt x="2481036" y="2494606"/>
                  <a:pt x="2477231" y="2503498"/>
                  <a:pt x="2472247" y="2511793"/>
                </a:cubicBezTo>
                <a:lnTo>
                  <a:pt x="2021083" y="3263441"/>
                </a:lnTo>
                <a:cubicBezTo>
                  <a:pt x="2011441" y="3279518"/>
                  <a:pt x="1997931" y="3292469"/>
                  <a:pt x="1982143" y="3301402"/>
                </a:cubicBezTo>
                <a:lnTo>
                  <a:pt x="1930726" y="3314932"/>
                </a:lnTo>
                <a:lnTo>
                  <a:pt x="105334" y="3314932"/>
                </a:lnTo>
                <a:lnTo>
                  <a:pt x="65214" y="3306834"/>
                </a:lnTo>
                <a:cubicBezTo>
                  <a:pt x="26894" y="3290631"/>
                  <a:pt x="0" y="3252698"/>
                  <a:pt x="0" y="3208497"/>
                </a:cubicBezTo>
                <a:lnTo>
                  <a:pt x="0" y="858373"/>
                </a:lnTo>
                <a:cubicBezTo>
                  <a:pt x="0" y="839021"/>
                  <a:pt x="5248" y="820046"/>
                  <a:pt x="15217" y="803454"/>
                </a:cubicBezTo>
                <a:lnTo>
                  <a:pt x="466381" y="51807"/>
                </a:lnTo>
                <a:cubicBezTo>
                  <a:pt x="485691" y="19678"/>
                  <a:pt x="520444" y="0"/>
                  <a:pt x="557934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19" name="Plassholder for bilde 18">
            <a:extLst>
              <a:ext uri="{FF2B5EF4-FFF2-40B4-BE49-F238E27FC236}">
                <a16:creationId xmlns:a16="http://schemas.microsoft.com/office/drawing/2014/main" id="{22582E08-583E-30E4-3286-AB3F4142FFB1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9392592" y="2916836"/>
            <a:ext cx="1961208" cy="2613863"/>
          </a:xfrm>
          <a:custGeom>
            <a:avLst/>
            <a:gdLst>
              <a:gd name="connsiteX0" fmla="*/ 439896 w 1961208"/>
              <a:gd name="connsiteY0" fmla="*/ 0 h 2613863"/>
              <a:gd name="connsiteX1" fmla="*/ 1877026 w 1961208"/>
              <a:gd name="connsiteY1" fmla="*/ 0 h 2613863"/>
              <a:gd name="connsiteX2" fmla="*/ 1961208 w 1961208"/>
              <a:gd name="connsiteY2" fmla="*/ 84146 h 2613863"/>
              <a:gd name="connsiteX3" fmla="*/ 1961208 w 1961208"/>
              <a:gd name="connsiteY3" fmla="*/ 1283609 h 2613863"/>
              <a:gd name="connsiteX4" fmla="*/ 1949210 w 1961208"/>
              <a:gd name="connsiteY4" fmla="*/ 1326909 h 2613863"/>
              <a:gd name="connsiteX5" fmla="*/ 1645467 w 1961208"/>
              <a:gd name="connsiteY5" fmla="*/ 1832956 h 2613863"/>
              <a:gd name="connsiteX6" fmla="*/ 1717651 w 1961208"/>
              <a:gd name="connsiteY6" fmla="*/ 1960402 h 2613863"/>
              <a:gd name="connsiteX7" fmla="*/ 1812524 w 1961208"/>
              <a:gd name="connsiteY7" fmla="*/ 1960402 h 2613863"/>
              <a:gd name="connsiteX8" fmla="*/ 1884708 w 1961208"/>
              <a:gd name="connsiteY8" fmla="*/ 2087849 h 2613863"/>
              <a:gd name="connsiteX9" fmla="*/ 1593477 w 1961208"/>
              <a:gd name="connsiteY9" fmla="*/ 2573017 h 2613863"/>
              <a:gd name="connsiteX10" fmla="*/ 1521293 w 1961208"/>
              <a:gd name="connsiteY10" fmla="*/ 2613863 h 2613863"/>
              <a:gd name="connsiteX11" fmla="*/ 84182 w 1961208"/>
              <a:gd name="connsiteY11" fmla="*/ 2613863 h 2613863"/>
              <a:gd name="connsiteX12" fmla="*/ 0 w 1961208"/>
              <a:gd name="connsiteY12" fmla="*/ 2529717 h 2613863"/>
              <a:gd name="connsiteX13" fmla="*/ 0 w 1961208"/>
              <a:gd name="connsiteY13" fmla="*/ 676773 h 2613863"/>
              <a:gd name="connsiteX14" fmla="*/ 11998 w 1961208"/>
              <a:gd name="connsiteY14" fmla="*/ 633473 h 2613863"/>
              <a:gd name="connsiteX15" fmla="*/ 367712 w 1961208"/>
              <a:gd name="connsiteY15" fmla="*/ 40846 h 2613863"/>
              <a:gd name="connsiteX16" fmla="*/ 439896 w 1961208"/>
              <a:gd name="connsiteY16" fmla="*/ 0 h 26138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961208" h="2613863">
                <a:moveTo>
                  <a:pt x="439896" y="0"/>
                </a:moveTo>
                <a:lnTo>
                  <a:pt x="1877026" y="0"/>
                </a:lnTo>
                <a:cubicBezTo>
                  <a:pt x="1923512" y="0"/>
                  <a:pt x="1961208" y="37680"/>
                  <a:pt x="1961208" y="84146"/>
                </a:cubicBezTo>
                <a:lnTo>
                  <a:pt x="1961208" y="1283609"/>
                </a:lnTo>
                <a:cubicBezTo>
                  <a:pt x="1961208" y="1298867"/>
                  <a:pt x="1957070" y="1313828"/>
                  <a:pt x="1949210" y="1326909"/>
                </a:cubicBezTo>
                <a:lnTo>
                  <a:pt x="1645467" y="1832956"/>
                </a:lnTo>
                <a:cubicBezTo>
                  <a:pt x="1611810" y="1889040"/>
                  <a:pt x="1652218" y="1960402"/>
                  <a:pt x="1717651" y="1960402"/>
                </a:cubicBezTo>
                <a:lnTo>
                  <a:pt x="1812524" y="1960402"/>
                </a:lnTo>
                <a:cubicBezTo>
                  <a:pt x="1877957" y="1960402"/>
                  <a:pt x="1918365" y="2031765"/>
                  <a:pt x="1884708" y="2087849"/>
                </a:cubicBezTo>
                <a:lnTo>
                  <a:pt x="1593477" y="2573017"/>
                </a:lnTo>
                <a:cubicBezTo>
                  <a:pt x="1578272" y="2598368"/>
                  <a:pt x="1550871" y="2613863"/>
                  <a:pt x="1521293" y="2613863"/>
                </a:cubicBezTo>
                <a:lnTo>
                  <a:pt x="84182" y="2613863"/>
                </a:lnTo>
                <a:cubicBezTo>
                  <a:pt x="37696" y="2613863"/>
                  <a:pt x="0" y="2576183"/>
                  <a:pt x="0" y="2529717"/>
                </a:cubicBezTo>
                <a:lnTo>
                  <a:pt x="0" y="676773"/>
                </a:lnTo>
                <a:cubicBezTo>
                  <a:pt x="0" y="661515"/>
                  <a:pt x="4138" y="646554"/>
                  <a:pt x="11998" y="633473"/>
                </a:cubicBezTo>
                <a:lnTo>
                  <a:pt x="367712" y="40846"/>
                </a:lnTo>
                <a:cubicBezTo>
                  <a:pt x="382936" y="15515"/>
                  <a:pt x="410337" y="0"/>
                  <a:pt x="439896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pic>
        <p:nvPicPr>
          <p:cNvPr id="4" name="Bilde 2">
            <a:extLst>
              <a:ext uri="{FF2B5EF4-FFF2-40B4-BE49-F238E27FC236}">
                <a16:creationId xmlns:a16="http://schemas.microsoft.com/office/drawing/2014/main" id="{133AD67E-5DF4-5A25-BBF9-44AB33B4382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9430896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Bilder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5" name="Plassholder for bilde 7">
            <a:extLst>
              <a:ext uri="{FF2B5EF4-FFF2-40B4-BE49-F238E27FC236}">
                <a16:creationId xmlns:a16="http://schemas.microsoft.com/office/drawing/2014/main" id="{F9D0DD48-D3B5-E6B7-A0AD-3711AFFC6E2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838200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579B4212-6066-1936-99A9-F11830993D55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4584795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9" name="Plassholder for bilde 7">
            <a:extLst>
              <a:ext uri="{FF2B5EF4-FFF2-40B4-BE49-F238E27FC236}">
                <a16:creationId xmlns:a16="http://schemas.microsoft.com/office/drawing/2014/main" id="{9FF8982C-B885-8393-46D0-D8BEC14E2DE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83206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5" name="Plassholder for tekst 2">
            <a:extLst>
              <a:ext uri="{FF2B5EF4-FFF2-40B4-BE49-F238E27FC236}">
                <a16:creationId xmlns:a16="http://schemas.microsoft.com/office/drawing/2014/main" id="{3DAF464D-5150-2CD2-B287-E5DE65E0CEB1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336524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6" name="Plassholder for bilde 7">
            <a:extLst>
              <a:ext uri="{FF2B5EF4-FFF2-40B4-BE49-F238E27FC236}">
                <a16:creationId xmlns:a16="http://schemas.microsoft.com/office/drawing/2014/main" id="{C4CB5FB2-868E-866B-B7FA-1A4A8EBBDB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34935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1" name="Tittel 1">
            <a:extLst>
              <a:ext uri="{FF2B5EF4-FFF2-40B4-BE49-F238E27FC236}">
                <a16:creationId xmlns:a16="http://schemas.microsoft.com/office/drawing/2014/main" id="{0321C738-ECD7-CCB3-D765-A186C53694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E357181C-3944-182F-334F-B3748AE335AE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2693944" y="3838556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7" name="Plassholder for bilde 7">
            <a:extLst>
              <a:ext uri="{FF2B5EF4-FFF2-40B4-BE49-F238E27FC236}">
                <a16:creationId xmlns:a16="http://schemas.microsoft.com/office/drawing/2014/main" id="{F000B82B-10B3-4534-A66C-BF9ACBAD7F6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2692355" y="4450556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9655EA49-F11E-DD9D-6503-1DE6413A690F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6438950" y="3838556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9" name="Plassholder for bilde 7">
            <a:extLst>
              <a:ext uri="{FF2B5EF4-FFF2-40B4-BE49-F238E27FC236}">
                <a16:creationId xmlns:a16="http://schemas.microsoft.com/office/drawing/2014/main" id="{DC97E4C9-16DA-6949-F1AF-EF19A0AF2787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6437361" y="4450556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4" name="Bilde 2">
            <a:extLst>
              <a:ext uri="{FF2B5EF4-FFF2-40B4-BE49-F238E27FC236}">
                <a16:creationId xmlns:a16="http://schemas.microsoft.com/office/drawing/2014/main" id="{C083FD0A-3E7D-38A0-23F0-27F387BF8E7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56786706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 Bilder (v3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5" name="Tittel 1">
            <a:extLst>
              <a:ext uri="{FF2B5EF4-FFF2-40B4-BE49-F238E27FC236}">
                <a16:creationId xmlns:a16="http://schemas.microsoft.com/office/drawing/2014/main" id="{CB046190-18F1-B510-732D-0343420A73A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12" name="Freeform: Shape 15">
            <a:extLst>
              <a:ext uri="{FF2B5EF4-FFF2-40B4-BE49-F238E27FC236}">
                <a16:creationId xmlns:a16="http://schemas.microsoft.com/office/drawing/2014/main" id="{F71C0C37-4DAA-0337-06B9-7E3FE2DDA48B}"/>
              </a:ext>
            </a:extLst>
          </p:cNvPr>
          <p:cNvSpPr/>
          <p:nvPr userDrawn="1"/>
        </p:nvSpPr>
        <p:spPr>
          <a:xfrm>
            <a:off x="2571327" y="5558400"/>
            <a:ext cx="219794" cy="331653"/>
          </a:xfrm>
          <a:custGeom>
            <a:avLst/>
            <a:gdLst>
              <a:gd name="connsiteX0" fmla="*/ 185273 w 209951"/>
              <a:gd name="connsiteY0" fmla="*/ 316802 h 316801"/>
              <a:gd name="connsiteX1" fmla="*/ 24555 w 209951"/>
              <a:gd name="connsiteY1" fmla="*/ 316802 h 316801"/>
              <a:gd name="connsiteX2" fmla="*/ 3610 w 209951"/>
              <a:gd name="connsiteY2" fmla="*/ 279681 h 316801"/>
              <a:gd name="connsiteX3" fmla="*/ 164328 w 209951"/>
              <a:gd name="connsiteY3" fmla="*/ 11955 h 316801"/>
              <a:gd name="connsiteX4" fmla="*/ 209951 w 209951"/>
              <a:gd name="connsiteY4" fmla="*/ 24605 h 316801"/>
              <a:gd name="connsiteX5" fmla="*/ 209951 w 209951"/>
              <a:gd name="connsiteY5" fmla="*/ 292331 h 316801"/>
              <a:gd name="connsiteX6" fmla="*/ 185481 w 209951"/>
              <a:gd name="connsiteY6" fmla="*/ 316802 h 316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9951" h="316801">
                <a:moveTo>
                  <a:pt x="185273" y="316802"/>
                </a:moveTo>
                <a:lnTo>
                  <a:pt x="24555" y="316802"/>
                </a:lnTo>
                <a:cubicBezTo>
                  <a:pt x="5476" y="316802"/>
                  <a:pt x="-6344" y="296064"/>
                  <a:pt x="3610" y="279681"/>
                </a:cubicBezTo>
                <a:lnTo>
                  <a:pt x="164328" y="11955"/>
                </a:lnTo>
                <a:cubicBezTo>
                  <a:pt x="177186" y="-9405"/>
                  <a:pt x="209951" y="-280"/>
                  <a:pt x="209951" y="24605"/>
                </a:cubicBezTo>
                <a:lnTo>
                  <a:pt x="209951" y="292331"/>
                </a:lnTo>
                <a:cubicBezTo>
                  <a:pt x="209951" y="305811"/>
                  <a:pt x="198960" y="316802"/>
                  <a:pt x="185481" y="316802"/>
                </a:cubicBezTo>
              </a:path>
            </a:pathLst>
          </a:custGeom>
          <a:solidFill>
            <a:srgbClr val="F4862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nb-NO">
              <a:solidFill>
                <a:schemeClr val="tx1"/>
              </a:solidFill>
            </a:endParaRPr>
          </a:p>
        </p:txBody>
      </p:sp>
      <p:sp>
        <p:nvSpPr>
          <p:cNvPr id="17" name="Plassholder for bilde 16">
            <a:extLst>
              <a:ext uri="{FF2B5EF4-FFF2-40B4-BE49-F238E27FC236}">
                <a16:creationId xmlns:a16="http://schemas.microsoft.com/office/drawing/2014/main" id="{C7AC075C-21A1-3219-9746-F5D53FDFA8E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29914" y="1440000"/>
            <a:ext cx="1961208" cy="4439600"/>
          </a:xfrm>
          <a:custGeom>
            <a:avLst/>
            <a:gdLst>
              <a:gd name="connsiteX0" fmla="*/ 84182 w 1961208"/>
              <a:gd name="connsiteY0" fmla="*/ 0 h 4439600"/>
              <a:gd name="connsiteX1" fmla="*/ 1877026 w 1961208"/>
              <a:gd name="connsiteY1" fmla="*/ 0 h 4439600"/>
              <a:gd name="connsiteX2" fmla="*/ 1961208 w 1961208"/>
              <a:gd name="connsiteY2" fmla="*/ 84185 h 4439600"/>
              <a:gd name="connsiteX3" fmla="*/ 1961208 w 1961208"/>
              <a:gd name="connsiteY3" fmla="*/ 3762515 h 4439600"/>
              <a:gd name="connsiteX4" fmla="*/ 1949210 w 1961208"/>
              <a:gd name="connsiteY4" fmla="*/ 3805835 h 4439600"/>
              <a:gd name="connsiteX5" fmla="*/ 1593496 w 1961208"/>
              <a:gd name="connsiteY5" fmla="*/ 4398734 h 4439600"/>
              <a:gd name="connsiteX6" fmla="*/ 1521312 w 1961208"/>
              <a:gd name="connsiteY6" fmla="*/ 4439600 h 4439600"/>
              <a:gd name="connsiteX7" fmla="*/ 84182 w 1961208"/>
              <a:gd name="connsiteY7" fmla="*/ 4439600 h 4439600"/>
              <a:gd name="connsiteX8" fmla="*/ 0 w 1961208"/>
              <a:gd name="connsiteY8" fmla="*/ 4355414 h 4439600"/>
              <a:gd name="connsiteX9" fmla="*/ 0 w 1961208"/>
              <a:gd name="connsiteY9" fmla="*/ 84185 h 4439600"/>
              <a:gd name="connsiteX10" fmla="*/ 84182 w 1961208"/>
              <a:gd name="connsiteY10" fmla="*/ 0 h 4439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61208" h="4439600">
                <a:moveTo>
                  <a:pt x="84182" y="0"/>
                </a:moveTo>
                <a:lnTo>
                  <a:pt x="1877026" y="0"/>
                </a:lnTo>
                <a:cubicBezTo>
                  <a:pt x="1923512" y="0"/>
                  <a:pt x="1961208" y="37697"/>
                  <a:pt x="1961208" y="84185"/>
                </a:cubicBezTo>
                <a:lnTo>
                  <a:pt x="1961208" y="3762515"/>
                </a:lnTo>
                <a:cubicBezTo>
                  <a:pt x="1961208" y="3777779"/>
                  <a:pt x="1957070" y="3792748"/>
                  <a:pt x="1949210" y="3805835"/>
                </a:cubicBezTo>
                <a:lnTo>
                  <a:pt x="1593496" y="4398734"/>
                </a:lnTo>
                <a:cubicBezTo>
                  <a:pt x="1578291" y="4424077"/>
                  <a:pt x="1550891" y="4439600"/>
                  <a:pt x="1521312" y="4439600"/>
                </a:cubicBezTo>
                <a:lnTo>
                  <a:pt x="84182" y="4439600"/>
                </a:lnTo>
                <a:cubicBezTo>
                  <a:pt x="37696" y="4439600"/>
                  <a:pt x="0" y="4401902"/>
                  <a:pt x="0" y="4355414"/>
                </a:cubicBezTo>
                <a:lnTo>
                  <a:pt x="0" y="84185"/>
                </a:lnTo>
                <a:cubicBezTo>
                  <a:pt x="0" y="37697"/>
                  <a:pt x="37696" y="0"/>
                  <a:pt x="84182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0" name="Freeform: Shape 15">
            <a:extLst>
              <a:ext uri="{FF2B5EF4-FFF2-40B4-BE49-F238E27FC236}">
                <a16:creationId xmlns:a16="http://schemas.microsoft.com/office/drawing/2014/main" id="{BADBC17A-1F14-880E-D8B0-857A2203774E}"/>
              </a:ext>
            </a:extLst>
          </p:cNvPr>
          <p:cNvSpPr/>
          <p:nvPr userDrawn="1"/>
        </p:nvSpPr>
        <p:spPr>
          <a:xfrm>
            <a:off x="4711997" y="5558400"/>
            <a:ext cx="219794" cy="331653"/>
          </a:xfrm>
          <a:custGeom>
            <a:avLst/>
            <a:gdLst>
              <a:gd name="connsiteX0" fmla="*/ 185273 w 209951"/>
              <a:gd name="connsiteY0" fmla="*/ 316802 h 316801"/>
              <a:gd name="connsiteX1" fmla="*/ 24555 w 209951"/>
              <a:gd name="connsiteY1" fmla="*/ 316802 h 316801"/>
              <a:gd name="connsiteX2" fmla="*/ 3610 w 209951"/>
              <a:gd name="connsiteY2" fmla="*/ 279681 h 316801"/>
              <a:gd name="connsiteX3" fmla="*/ 164328 w 209951"/>
              <a:gd name="connsiteY3" fmla="*/ 11955 h 316801"/>
              <a:gd name="connsiteX4" fmla="*/ 209951 w 209951"/>
              <a:gd name="connsiteY4" fmla="*/ 24605 h 316801"/>
              <a:gd name="connsiteX5" fmla="*/ 209951 w 209951"/>
              <a:gd name="connsiteY5" fmla="*/ 292331 h 316801"/>
              <a:gd name="connsiteX6" fmla="*/ 185481 w 209951"/>
              <a:gd name="connsiteY6" fmla="*/ 316802 h 316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9951" h="316801">
                <a:moveTo>
                  <a:pt x="185273" y="316802"/>
                </a:moveTo>
                <a:lnTo>
                  <a:pt x="24555" y="316802"/>
                </a:lnTo>
                <a:cubicBezTo>
                  <a:pt x="5476" y="316802"/>
                  <a:pt x="-6344" y="296064"/>
                  <a:pt x="3610" y="279681"/>
                </a:cubicBezTo>
                <a:lnTo>
                  <a:pt x="164328" y="11955"/>
                </a:lnTo>
                <a:cubicBezTo>
                  <a:pt x="177186" y="-9405"/>
                  <a:pt x="209951" y="-280"/>
                  <a:pt x="209951" y="24605"/>
                </a:cubicBezTo>
                <a:lnTo>
                  <a:pt x="209951" y="292331"/>
                </a:lnTo>
                <a:cubicBezTo>
                  <a:pt x="209951" y="305811"/>
                  <a:pt x="198960" y="316802"/>
                  <a:pt x="185481" y="316802"/>
                </a:cubicBezTo>
              </a:path>
            </a:pathLst>
          </a:custGeom>
          <a:solidFill>
            <a:srgbClr val="F4862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nb-NO">
              <a:solidFill>
                <a:schemeClr val="tx1"/>
              </a:solidFill>
            </a:endParaRPr>
          </a:p>
        </p:txBody>
      </p:sp>
      <p:sp>
        <p:nvSpPr>
          <p:cNvPr id="21" name="Plassholder for bilde 20">
            <a:extLst>
              <a:ext uri="{FF2B5EF4-FFF2-40B4-BE49-F238E27FC236}">
                <a16:creationId xmlns:a16="http://schemas.microsoft.com/office/drawing/2014/main" id="{3AF72F64-9105-6C76-720A-2BBA6DD00FE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2970583" y="1440000"/>
            <a:ext cx="1961208" cy="4439600"/>
          </a:xfrm>
          <a:custGeom>
            <a:avLst/>
            <a:gdLst>
              <a:gd name="connsiteX0" fmla="*/ 84182 w 1961208"/>
              <a:gd name="connsiteY0" fmla="*/ 0 h 4439600"/>
              <a:gd name="connsiteX1" fmla="*/ 1877026 w 1961208"/>
              <a:gd name="connsiteY1" fmla="*/ 0 h 4439600"/>
              <a:gd name="connsiteX2" fmla="*/ 1961208 w 1961208"/>
              <a:gd name="connsiteY2" fmla="*/ 84185 h 4439600"/>
              <a:gd name="connsiteX3" fmla="*/ 1961208 w 1961208"/>
              <a:gd name="connsiteY3" fmla="*/ 3762515 h 4439600"/>
              <a:gd name="connsiteX4" fmla="*/ 1949210 w 1961208"/>
              <a:gd name="connsiteY4" fmla="*/ 3805835 h 4439600"/>
              <a:gd name="connsiteX5" fmla="*/ 1593496 w 1961208"/>
              <a:gd name="connsiteY5" fmla="*/ 4398734 h 4439600"/>
              <a:gd name="connsiteX6" fmla="*/ 1521312 w 1961208"/>
              <a:gd name="connsiteY6" fmla="*/ 4439600 h 4439600"/>
              <a:gd name="connsiteX7" fmla="*/ 84182 w 1961208"/>
              <a:gd name="connsiteY7" fmla="*/ 4439600 h 4439600"/>
              <a:gd name="connsiteX8" fmla="*/ 0 w 1961208"/>
              <a:gd name="connsiteY8" fmla="*/ 4355414 h 4439600"/>
              <a:gd name="connsiteX9" fmla="*/ 0 w 1961208"/>
              <a:gd name="connsiteY9" fmla="*/ 84185 h 4439600"/>
              <a:gd name="connsiteX10" fmla="*/ 84182 w 1961208"/>
              <a:gd name="connsiteY10" fmla="*/ 0 h 4439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61208" h="4439600">
                <a:moveTo>
                  <a:pt x="84182" y="0"/>
                </a:moveTo>
                <a:lnTo>
                  <a:pt x="1877026" y="0"/>
                </a:lnTo>
                <a:cubicBezTo>
                  <a:pt x="1923512" y="0"/>
                  <a:pt x="1961208" y="37697"/>
                  <a:pt x="1961208" y="84185"/>
                </a:cubicBezTo>
                <a:lnTo>
                  <a:pt x="1961208" y="3762515"/>
                </a:lnTo>
                <a:cubicBezTo>
                  <a:pt x="1961208" y="3777779"/>
                  <a:pt x="1957070" y="3792748"/>
                  <a:pt x="1949210" y="3805835"/>
                </a:cubicBezTo>
                <a:lnTo>
                  <a:pt x="1593496" y="4398734"/>
                </a:lnTo>
                <a:cubicBezTo>
                  <a:pt x="1578291" y="4424077"/>
                  <a:pt x="1550891" y="4439600"/>
                  <a:pt x="1521312" y="4439600"/>
                </a:cubicBezTo>
                <a:lnTo>
                  <a:pt x="84182" y="4439600"/>
                </a:lnTo>
                <a:cubicBezTo>
                  <a:pt x="37696" y="4439600"/>
                  <a:pt x="0" y="4401902"/>
                  <a:pt x="0" y="4355414"/>
                </a:cubicBezTo>
                <a:lnTo>
                  <a:pt x="0" y="84185"/>
                </a:lnTo>
                <a:cubicBezTo>
                  <a:pt x="0" y="37697"/>
                  <a:pt x="37696" y="0"/>
                  <a:pt x="84182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2" name="Plassholder for bilde 21">
            <a:extLst>
              <a:ext uri="{FF2B5EF4-FFF2-40B4-BE49-F238E27FC236}">
                <a16:creationId xmlns:a16="http://schemas.microsoft.com/office/drawing/2014/main" id="{879B2134-F8A0-C008-4101-F219BB4D2007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5111253" y="1440000"/>
            <a:ext cx="1961208" cy="4439600"/>
          </a:xfrm>
          <a:custGeom>
            <a:avLst/>
            <a:gdLst>
              <a:gd name="connsiteX0" fmla="*/ 84182 w 1961208"/>
              <a:gd name="connsiteY0" fmla="*/ 0 h 4439600"/>
              <a:gd name="connsiteX1" fmla="*/ 1877026 w 1961208"/>
              <a:gd name="connsiteY1" fmla="*/ 0 h 4439600"/>
              <a:gd name="connsiteX2" fmla="*/ 1961208 w 1961208"/>
              <a:gd name="connsiteY2" fmla="*/ 84185 h 4439600"/>
              <a:gd name="connsiteX3" fmla="*/ 1961208 w 1961208"/>
              <a:gd name="connsiteY3" fmla="*/ 3762515 h 4439600"/>
              <a:gd name="connsiteX4" fmla="*/ 1949210 w 1961208"/>
              <a:gd name="connsiteY4" fmla="*/ 3805835 h 4439600"/>
              <a:gd name="connsiteX5" fmla="*/ 1593496 w 1961208"/>
              <a:gd name="connsiteY5" fmla="*/ 4398734 h 4439600"/>
              <a:gd name="connsiteX6" fmla="*/ 1521312 w 1961208"/>
              <a:gd name="connsiteY6" fmla="*/ 4439600 h 4439600"/>
              <a:gd name="connsiteX7" fmla="*/ 84182 w 1961208"/>
              <a:gd name="connsiteY7" fmla="*/ 4439600 h 4439600"/>
              <a:gd name="connsiteX8" fmla="*/ 0 w 1961208"/>
              <a:gd name="connsiteY8" fmla="*/ 4355414 h 4439600"/>
              <a:gd name="connsiteX9" fmla="*/ 0 w 1961208"/>
              <a:gd name="connsiteY9" fmla="*/ 84185 h 4439600"/>
              <a:gd name="connsiteX10" fmla="*/ 84182 w 1961208"/>
              <a:gd name="connsiteY10" fmla="*/ 0 h 4439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61208" h="4439600">
                <a:moveTo>
                  <a:pt x="84182" y="0"/>
                </a:moveTo>
                <a:lnTo>
                  <a:pt x="1877026" y="0"/>
                </a:lnTo>
                <a:cubicBezTo>
                  <a:pt x="1923512" y="0"/>
                  <a:pt x="1961208" y="37697"/>
                  <a:pt x="1961208" y="84185"/>
                </a:cubicBezTo>
                <a:lnTo>
                  <a:pt x="1961208" y="3762515"/>
                </a:lnTo>
                <a:cubicBezTo>
                  <a:pt x="1961208" y="3777779"/>
                  <a:pt x="1957070" y="3792748"/>
                  <a:pt x="1949210" y="3805835"/>
                </a:cubicBezTo>
                <a:lnTo>
                  <a:pt x="1593496" y="4398734"/>
                </a:lnTo>
                <a:cubicBezTo>
                  <a:pt x="1578291" y="4424077"/>
                  <a:pt x="1550891" y="4439600"/>
                  <a:pt x="1521312" y="4439600"/>
                </a:cubicBezTo>
                <a:lnTo>
                  <a:pt x="84182" y="4439600"/>
                </a:lnTo>
                <a:cubicBezTo>
                  <a:pt x="37696" y="4439600"/>
                  <a:pt x="0" y="4401902"/>
                  <a:pt x="0" y="4355414"/>
                </a:cubicBezTo>
                <a:lnTo>
                  <a:pt x="0" y="84185"/>
                </a:lnTo>
                <a:cubicBezTo>
                  <a:pt x="0" y="37697"/>
                  <a:pt x="37696" y="0"/>
                  <a:pt x="84182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3" name="Plassholder for bilde 22">
            <a:extLst>
              <a:ext uri="{FF2B5EF4-FFF2-40B4-BE49-F238E27FC236}">
                <a16:creationId xmlns:a16="http://schemas.microsoft.com/office/drawing/2014/main" id="{64D1F799-0FE7-7C71-FCC8-825C2E3F1C6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251923" y="1440000"/>
            <a:ext cx="1961208" cy="4439600"/>
          </a:xfrm>
          <a:custGeom>
            <a:avLst/>
            <a:gdLst>
              <a:gd name="connsiteX0" fmla="*/ 84182 w 1961208"/>
              <a:gd name="connsiteY0" fmla="*/ 0 h 4439600"/>
              <a:gd name="connsiteX1" fmla="*/ 1877026 w 1961208"/>
              <a:gd name="connsiteY1" fmla="*/ 0 h 4439600"/>
              <a:gd name="connsiteX2" fmla="*/ 1961208 w 1961208"/>
              <a:gd name="connsiteY2" fmla="*/ 84185 h 4439600"/>
              <a:gd name="connsiteX3" fmla="*/ 1961208 w 1961208"/>
              <a:gd name="connsiteY3" fmla="*/ 3762515 h 4439600"/>
              <a:gd name="connsiteX4" fmla="*/ 1949210 w 1961208"/>
              <a:gd name="connsiteY4" fmla="*/ 3805835 h 4439600"/>
              <a:gd name="connsiteX5" fmla="*/ 1593496 w 1961208"/>
              <a:gd name="connsiteY5" fmla="*/ 4398734 h 4439600"/>
              <a:gd name="connsiteX6" fmla="*/ 1521312 w 1961208"/>
              <a:gd name="connsiteY6" fmla="*/ 4439600 h 4439600"/>
              <a:gd name="connsiteX7" fmla="*/ 84182 w 1961208"/>
              <a:gd name="connsiteY7" fmla="*/ 4439600 h 4439600"/>
              <a:gd name="connsiteX8" fmla="*/ 0 w 1961208"/>
              <a:gd name="connsiteY8" fmla="*/ 4355414 h 4439600"/>
              <a:gd name="connsiteX9" fmla="*/ 0 w 1961208"/>
              <a:gd name="connsiteY9" fmla="*/ 84185 h 4439600"/>
              <a:gd name="connsiteX10" fmla="*/ 84182 w 1961208"/>
              <a:gd name="connsiteY10" fmla="*/ 0 h 4439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61208" h="4439600">
                <a:moveTo>
                  <a:pt x="84182" y="0"/>
                </a:moveTo>
                <a:lnTo>
                  <a:pt x="1877026" y="0"/>
                </a:lnTo>
                <a:cubicBezTo>
                  <a:pt x="1923512" y="0"/>
                  <a:pt x="1961208" y="37697"/>
                  <a:pt x="1961208" y="84185"/>
                </a:cubicBezTo>
                <a:lnTo>
                  <a:pt x="1961208" y="3762515"/>
                </a:lnTo>
                <a:cubicBezTo>
                  <a:pt x="1961208" y="3777779"/>
                  <a:pt x="1957070" y="3792748"/>
                  <a:pt x="1949210" y="3805835"/>
                </a:cubicBezTo>
                <a:lnTo>
                  <a:pt x="1593496" y="4398734"/>
                </a:lnTo>
                <a:cubicBezTo>
                  <a:pt x="1578291" y="4424077"/>
                  <a:pt x="1550891" y="4439600"/>
                  <a:pt x="1521312" y="4439600"/>
                </a:cubicBezTo>
                <a:lnTo>
                  <a:pt x="84182" y="4439600"/>
                </a:lnTo>
                <a:cubicBezTo>
                  <a:pt x="37696" y="4439600"/>
                  <a:pt x="0" y="4401902"/>
                  <a:pt x="0" y="4355414"/>
                </a:cubicBezTo>
                <a:lnTo>
                  <a:pt x="0" y="84185"/>
                </a:lnTo>
                <a:cubicBezTo>
                  <a:pt x="0" y="37697"/>
                  <a:pt x="37696" y="0"/>
                  <a:pt x="84182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4" name="Plassholder for bilde 23">
            <a:extLst>
              <a:ext uri="{FF2B5EF4-FFF2-40B4-BE49-F238E27FC236}">
                <a16:creationId xmlns:a16="http://schemas.microsoft.com/office/drawing/2014/main" id="{DA7E8504-8CD8-E295-3DAF-D9746038B5E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9392592" y="1440000"/>
            <a:ext cx="1961208" cy="4439600"/>
          </a:xfrm>
          <a:custGeom>
            <a:avLst/>
            <a:gdLst>
              <a:gd name="connsiteX0" fmla="*/ 84182 w 1961208"/>
              <a:gd name="connsiteY0" fmla="*/ 0 h 4439600"/>
              <a:gd name="connsiteX1" fmla="*/ 1877026 w 1961208"/>
              <a:gd name="connsiteY1" fmla="*/ 0 h 4439600"/>
              <a:gd name="connsiteX2" fmla="*/ 1961208 w 1961208"/>
              <a:gd name="connsiteY2" fmla="*/ 84185 h 4439600"/>
              <a:gd name="connsiteX3" fmla="*/ 1961208 w 1961208"/>
              <a:gd name="connsiteY3" fmla="*/ 3762515 h 4439600"/>
              <a:gd name="connsiteX4" fmla="*/ 1949210 w 1961208"/>
              <a:gd name="connsiteY4" fmla="*/ 3805835 h 4439600"/>
              <a:gd name="connsiteX5" fmla="*/ 1593496 w 1961208"/>
              <a:gd name="connsiteY5" fmla="*/ 4398734 h 4439600"/>
              <a:gd name="connsiteX6" fmla="*/ 1521312 w 1961208"/>
              <a:gd name="connsiteY6" fmla="*/ 4439600 h 4439600"/>
              <a:gd name="connsiteX7" fmla="*/ 84182 w 1961208"/>
              <a:gd name="connsiteY7" fmla="*/ 4439600 h 4439600"/>
              <a:gd name="connsiteX8" fmla="*/ 0 w 1961208"/>
              <a:gd name="connsiteY8" fmla="*/ 4355414 h 4439600"/>
              <a:gd name="connsiteX9" fmla="*/ 0 w 1961208"/>
              <a:gd name="connsiteY9" fmla="*/ 84185 h 4439600"/>
              <a:gd name="connsiteX10" fmla="*/ 84182 w 1961208"/>
              <a:gd name="connsiteY10" fmla="*/ 0 h 4439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61208" h="4439600">
                <a:moveTo>
                  <a:pt x="84182" y="0"/>
                </a:moveTo>
                <a:lnTo>
                  <a:pt x="1877026" y="0"/>
                </a:lnTo>
                <a:cubicBezTo>
                  <a:pt x="1923512" y="0"/>
                  <a:pt x="1961208" y="37697"/>
                  <a:pt x="1961208" y="84185"/>
                </a:cubicBezTo>
                <a:lnTo>
                  <a:pt x="1961208" y="3762515"/>
                </a:lnTo>
                <a:cubicBezTo>
                  <a:pt x="1961208" y="3777779"/>
                  <a:pt x="1957070" y="3792748"/>
                  <a:pt x="1949210" y="3805835"/>
                </a:cubicBezTo>
                <a:lnTo>
                  <a:pt x="1593496" y="4398734"/>
                </a:lnTo>
                <a:cubicBezTo>
                  <a:pt x="1578291" y="4424077"/>
                  <a:pt x="1550891" y="4439600"/>
                  <a:pt x="1521312" y="4439600"/>
                </a:cubicBezTo>
                <a:lnTo>
                  <a:pt x="84182" y="4439600"/>
                </a:lnTo>
                <a:cubicBezTo>
                  <a:pt x="37696" y="4439600"/>
                  <a:pt x="0" y="4401902"/>
                  <a:pt x="0" y="4355414"/>
                </a:cubicBezTo>
                <a:lnTo>
                  <a:pt x="0" y="84185"/>
                </a:lnTo>
                <a:cubicBezTo>
                  <a:pt x="0" y="37697"/>
                  <a:pt x="37696" y="0"/>
                  <a:pt x="84182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5" name="Freeform: Shape 15">
            <a:extLst>
              <a:ext uri="{FF2B5EF4-FFF2-40B4-BE49-F238E27FC236}">
                <a16:creationId xmlns:a16="http://schemas.microsoft.com/office/drawing/2014/main" id="{B569C955-1CE2-4B87-601C-6CC97A9E66D8}"/>
              </a:ext>
            </a:extLst>
          </p:cNvPr>
          <p:cNvSpPr/>
          <p:nvPr userDrawn="1"/>
        </p:nvSpPr>
        <p:spPr>
          <a:xfrm>
            <a:off x="6853618" y="5558400"/>
            <a:ext cx="219794" cy="331653"/>
          </a:xfrm>
          <a:custGeom>
            <a:avLst/>
            <a:gdLst>
              <a:gd name="connsiteX0" fmla="*/ 185273 w 209951"/>
              <a:gd name="connsiteY0" fmla="*/ 316802 h 316801"/>
              <a:gd name="connsiteX1" fmla="*/ 24555 w 209951"/>
              <a:gd name="connsiteY1" fmla="*/ 316802 h 316801"/>
              <a:gd name="connsiteX2" fmla="*/ 3610 w 209951"/>
              <a:gd name="connsiteY2" fmla="*/ 279681 h 316801"/>
              <a:gd name="connsiteX3" fmla="*/ 164328 w 209951"/>
              <a:gd name="connsiteY3" fmla="*/ 11955 h 316801"/>
              <a:gd name="connsiteX4" fmla="*/ 209951 w 209951"/>
              <a:gd name="connsiteY4" fmla="*/ 24605 h 316801"/>
              <a:gd name="connsiteX5" fmla="*/ 209951 w 209951"/>
              <a:gd name="connsiteY5" fmla="*/ 292331 h 316801"/>
              <a:gd name="connsiteX6" fmla="*/ 185481 w 209951"/>
              <a:gd name="connsiteY6" fmla="*/ 316802 h 316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9951" h="316801">
                <a:moveTo>
                  <a:pt x="185273" y="316802"/>
                </a:moveTo>
                <a:lnTo>
                  <a:pt x="24555" y="316802"/>
                </a:lnTo>
                <a:cubicBezTo>
                  <a:pt x="5476" y="316802"/>
                  <a:pt x="-6344" y="296064"/>
                  <a:pt x="3610" y="279681"/>
                </a:cubicBezTo>
                <a:lnTo>
                  <a:pt x="164328" y="11955"/>
                </a:lnTo>
                <a:cubicBezTo>
                  <a:pt x="177186" y="-9405"/>
                  <a:pt x="209951" y="-280"/>
                  <a:pt x="209951" y="24605"/>
                </a:cubicBezTo>
                <a:lnTo>
                  <a:pt x="209951" y="292331"/>
                </a:lnTo>
                <a:cubicBezTo>
                  <a:pt x="209951" y="305811"/>
                  <a:pt x="198960" y="316802"/>
                  <a:pt x="185481" y="316802"/>
                </a:cubicBezTo>
              </a:path>
            </a:pathLst>
          </a:custGeom>
          <a:solidFill>
            <a:srgbClr val="F4862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nb-NO">
              <a:solidFill>
                <a:schemeClr val="tx1"/>
              </a:solidFill>
            </a:endParaRPr>
          </a:p>
        </p:txBody>
      </p:sp>
      <p:sp>
        <p:nvSpPr>
          <p:cNvPr id="26" name="Freeform: Shape 15">
            <a:extLst>
              <a:ext uri="{FF2B5EF4-FFF2-40B4-BE49-F238E27FC236}">
                <a16:creationId xmlns:a16="http://schemas.microsoft.com/office/drawing/2014/main" id="{B54E544F-43D2-C5B5-BEAA-648D5E40B6A2}"/>
              </a:ext>
            </a:extLst>
          </p:cNvPr>
          <p:cNvSpPr/>
          <p:nvPr userDrawn="1"/>
        </p:nvSpPr>
        <p:spPr>
          <a:xfrm>
            <a:off x="8994288" y="5558400"/>
            <a:ext cx="219794" cy="331653"/>
          </a:xfrm>
          <a:custGeom>
            <a:avLst/>
            <a:gdLst>
              <a:gd name="connsiteX0" fmla="*/ 185273 w 209951"/>
              <a:gd name="connsiteY0" fmla="*/ 316802 h 316801"/>
              <a:gd name="connsiteX1" fmla="*/ 24555 w 209951"/>
              <a:gd name="connsiteY1" fmla="*/ 316802 h 316801"/>
              <a:gd name="connsiteX2" fmla="*/ 3610 w 209951"/>
              <a:gd name="connsiteY2" fmla="*/ 279681 h 316801"/>
              <a:gd name="connsiteX3" fmla="*/ 164328 w 209951"/>
              <a:gd name="connsiteY3" fmla="*/ 11955 h 316801"/>
              <a:gd name="connsiteX4" fmla="*/ 209951 w 209951"/>
              <a:gd name="connsiteY4" fmla="*/ 24605 h 316801"/>
              <a:gd name="connsiteX5" fmla="*/ 209951 w 209951"/>
              <a:gd name="connsiteY5" fmla="*/ 292331 h 316801"/>
              <a:gd name="connsiteX6" fmla="*/ 185481 w 209951"/>
              <a:gd name="connsiteY6" fmla="*/ 316802 h 316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9951" h="316801">
                <a:moveTo>
                  <a:pt x="185273" y="316802"/>
                </a:moveTo>
                <a:lnTo>
                  <a:pt x="24555" y="316802"/>
                </a:lnTo>
                <a:cubicBezTo>
                  <a:pt x="5476" y="316802"/>
                  <a:pt x="-6344" y="296064"/>
                  <a:pt x="3610" y="279681"/>
                </a:cubicBezTo>
                <a:lnTo>
                  <a:pt x="164328" y="11955"/>
                </a:lnTo>
                <a:cubicBezTo>
                  <a:pt x="177186" y="-9405"/>
                  <a:pt x="209951" y="-280"/>
                  <a:pt x="209951" y="24605"/>
                </a:cubicBezTo>
                <a:lnTo>
                  <a:pt x="209951" y="292331"/>
                </a:lnTo>
                <a:cubicBezTo>
                  <a:pt x="209951" y="305811"/>
                  <a:pt x="198960" y="316802"/>
                  <a:pt x="185481" y="316802"/>
                </a:cubicBezTo>
              </a:path>
            </a:pathLst>
          </a:custGeom>
          <a:solidFill>
            <a:srgbClr val="F4862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nb-NO">
              <a:solidFill>
                <a:schemeClr val="tx1"/>
              </a:solidFill>
            </a:endParaRPr>
          </a:p>
        </p:txBody>
      </p:sp>
      <p:sp>
        <p:nvSpPr>
          <p:cNvPr id="27" name="Freeform: Shape 15">
            <a:extLst>
              <a:ext uri="{FF2B5EF4-FFF2-40B4-BE49-F238E27FC236}">
                <a16:creationId xmlns:a16="http://schemas.microsoft.com/office/drawing/2014/main" id="{3B25256A-12FE-3FAB-BD76-10FC06EF9F7D}"/>
              </a:ext>
            </a:extLst>
          </p:cNvPr>
          <p:cNvSpPr/>
          <p:nvPr userDrawn="1"/>
        </p:nvSpPr>
        <p:spPr>
          <a:xfrm>
            <a:off x="11134007" y="5558400"/>
            <a:ext cx="219794" cy="331653"/>
          </a:xfrm>
          <a:custGeom>
            <a:avLst/>
            <a:gdLst>
              <a:gd name="connsiteX0" fmla="*/ 185273 w 209951"/>
              <a:gd name="connsiteY0" fmla="*/ 316802 h 316801"/>
              <a:gd name="connsiteX1" fmla="*/ 24555 w 209951"/>
              <a:gd name="connsiteY1" fmla="*/ 316802 h 316801"/>
              <a:gd name="connsiteX2" fmla="*/ 3610 w 209951"/>
              <a:gd name="connsiteY2" fmla="*/ 279681 h 316801"/>
              <a:gd name="connsiteX3" fmla="*/ 164328 w 209951"/>
              <a:gd name="connsiteY3" fmla="*/ 11955 h 316801"/>
              <a:gd name="connsiteX4" fmla="*/ 209951 w 209951"/>
              <a:gd name="connsiteY4" fmla="*/ 24605 h 316801"/>
              <a:gd name="connsiteX5" fmla="*/ 209951 w 209951"/>
              <a:gd name="connsiteY5" fmla="*/ 292331 h 316801"/>
              <a:gd name="connsiteX6" fmla="*/ 185481 w 209951"/>
              <a:gd name="connsiteY6" fmla="*/ 316802 h 316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209951" h="316801">
                <a:moveTo>
                  <a:pt x="185273" y="316802"/>
                </a:moveTo>
                <a:lnTo>
                  <a:pt x="24555" y="316802"/>
                </a:lnTo>
                <a:cubicBezTo>
                  <a:pt x="5476" y="316802"/>
                  <a:pt x="-6344" y="296064"/>
                  <a:pt x="3610" y="279681"/>
                </a:cubicBezTo>
                <a:lnTo>
                  <a:pt x="164328" y="11955"/>
                </a:lnTo>
                <a:cubicBezTo>
                  <a:pt x="177186" y="-9405"/>
                  <a:pt x="209951" y="-280"/>
                  <a:pt x="209951" y="24605"/>
                </a:cubicBezTo>
                <a:lnTo>
                  <a:pt x="209951" y="292331"/>
                </a:lnTo>
                <a:cubicBezTo>
                  <a:pt x="209951" y="305811"/>
                  <a:pt x="198960" y="316802"/>
                  <a:pt x="185481" y="316802"/>
                </a:cubicBezTo>
              </a:path>
            </a:pathLst>
          </a:custGeom>
          <a:solidFill>
            <a:srgbClr val="F4862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nb-NO">
              <a:solidFill>
                <a:schemeClr val="tx1"/>
              </a:solidFill>
            </a:endParaRPr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A8E150DF-DA94-9E69-F1CD-0A7E3A3184B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38902065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Bilder (v1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3" name="Plassholder for tekst 2">
            <a:extLst>
              <a:ext uri="{FF2B5EF4-FFF2-40B4-BE49-F238E27FC236}">
                <a16:creationId xmlns:a16="http://schemas.microsoft.com/office/drawing/2014/main" id="{0216C865-47C2-00B0-9534-6A86022920E1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1478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49" name="Plassholder for bilde 8">
            <a:extLst>
              <a:ext uri="{FF2B5EF4-FFF2-40B4-BE49-F238E27FC236}">
                <a16:creationId xmlns:a16="http://schemas.microsoft.com/office/drawing/2014/main" id="{02A85793-9D56-F3A1-1596-5630F094879C}"/>
              </a:ext>
            </a:extLst>
          </p:cNvPr>
          <p:cNvSpPr>
            <a:spLocks noGrp="1"/>
          </p:cNvSpPr>
          <p:nvPr>
            <p:ph type="pic" sz="quarter" idx="38" hasCustomPrompt="1"/>
          </p:nvPr>
        </p:nvSpPr>
        <p:spPr>
          <a:xfrm>
            <a:off x="831478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0" name="Plassholder for bilde 8">
            <a:extLst>
              <a:ext uri="{FF2B5EF4-FFF2-40B4-BE49-F238E27FC236}">
                <a16:creationId xmlns:a16="http://schemas.microsoft.com/office/drawing/2014/main" id="{3AEC5AE1-6BE8-9476-337F-52D4A743EF56}"/>
              </a:ext>
            </a:extLst>
          </p:cNvPr>
          <p:cNvSpPr>
            <a:spLocks noGrp="1"/>
          </p:cNvSpPr>
          <p:nvPr>
            <p:ph type="pic" sz="quarter" idx="39" hasCustomPrompt="1"/>
          </p:nvPr>
        </p:nvSpPr>
        <p:spPr>
          <a:xfrm>
            <a:off x="2622552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1" name="Plassholder for bilde 8">
            <a:extLst>
              <a:ext uri="{FF2B5EF4-FFF2-40B4-BE49-F238E27FC236}">
                <a16:creationId xmlns:a16="http://schemas.microsoft.com/office/drawing/2014/main" id="{AC6C25BE-265B-C6D8-69A6-49442D03AB80}"/>
              </a:ext>
            </a:extLst>
          </p:cNvPr>
          <p:cNvSpPr>
            <a:spLocks noGrp="1"/>
          </p:cNvSpPr>
          <p:nvPr>
            <p:ph type="pic" sz="quarter" idx="40" hasCustomPrompt="1"/>
          </p:nvPr>
        </p:nvSpPr>
        <p:spPr>
          <a:xfrm>
            <a:off x="4413626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2" name="Plassholder for bilde 8">
            <a:extLst>
              <a:ext uri="{FF2B5EF4-FFF2-40B4-BE49-F238E27FC236}">
                <a16:creationId xmlns:a16="http://schemas.microsoft.com/office/drawing/2014/main" id="{8E1508F4-ACCB-FBE9-3EAD-970AAB67D863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204700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3" name="Plassholder for bilde 8">
            <a:extLst>
              <a:ext uri="{FF2B5EF4-FFF2-40B4-BE49-F238E27FC236}">
                <a16:creationId xmlns:a16="http://schemas.microsoft.com/office/drawing/2014/main" id="{C926433D-6769-3E06-C662-72FAF7DD71B5}"/>
              </a:ext>
            </a:extLst>
          </p:cNvPr>
          <p:cNvSpPr>
            <a:spLocks noGrp="1"/>
          </p:cNvSpPr>
          <p:nvPr>
            <p:ph type="pic" sz="quarter" idx="42" hasCustomPrompt="1"/>
          </p:nvPr>
        </p:nvSpPr>
        <p:spPr>
          <a:xfrm>
            <a:off x="7995774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5" name="Plassholder for bilde 8">
            <a:extLst>
              <a:ext uri="{FF2B5EF4-FFF2-40B4-BE49-F238E27FC236}">
                <a16:creationId xmlns:a16="http://schemas.microsoft.com/office/drawing/2014/main" id="{8AAE4EEE-9F8F-96A5-7631-B39CD25ED582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9786846" y="2916000"/>
            <a:ext cx="1580400" cy="2105244"/>
          </a:xfrm>
          <a:prstGeom prst="roundRect">
            <a:avLst>
              <a:gd name="adj" fmla="val 4964"/>
            </a:avLst>
          </a:prstGeom>
        </p:spPr>
        <p:txBody>
          <a:bodyPr>
            <a:normAutofit/>
          </a:bodyPr>
          <a:lstStyle>
            <a:lvl1pPr marL="0" indent="0" algn="ctr">
              <a:buNone/>
              <a:defRPr sz="1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på ikonet for å legge til et bilde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nb-NO" dirty="0"/>
          </a:p>
        </p:txBody>
      </p:sp>
      <p:sp>
        <p:nvSpPr>
          <p:cNvPr id="56" name="Plassholder for tekst 2">
            <a:extLst>
              <a:ext uri="{FF2B5EF4-FFF2-40B4-BE49-F238E27FC236}">
                <a16:creationId xmlns:a16="http://schemas.microsoft.com/office/drawing/2014/main" id="{7863BA22-A604-E876-91EA-8E474376DF21}"/>
              </a:ext>
            </a:extLst>
          </p:cNvPr>
          <p:cNvSpPr>
            <a:spLocks noGrp="1"/>
          </p:cNvSpPr>
          <p:nvPr>
            <p:ph type="body" idx="44" hasCustomPrompt="1"/>
          </p:nvPr>
        </p:nvSpPr>
        <p:spPr>
          <a:xfrm>
            <a:off x="2622552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7" name="Plassholder for tekst 2">
            <a:extLst>
              <a:ext uri="{FF2B5EF4-FFF2-40B4-BE49-F238E27FC236}">
                <a16:creationId xmlns:a16="http://schemas.microsoft.com/office/drawing/2014/main" id="{110F2602-FCA5-21AA-FE23-026DDB9B7142}"/>
              </a:ext>
            </a:extLst>
          </p:cNvPr>
          <p:cNvSpPr>
            <a:spLocks noGrp="1"/>
          </p:cNvSpPr>
          <p:nvPr>
            <p:ph type="body" idx="45" hasCustomPrompt="1"/>
          </p:nvPr>
        </p:nvSpPr>
        <p:spPr>
          <a:xfrm>
            <a:off x="4413626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8" name="Plassholder for tekst 2">
            <a:extLst>
              <a:ext uri="{FF2B5EF4-FFF2-40B4-BE49-F238E27FC236}">
                <a16:creationId xmlns:a16="http://schemas.microsoft.com/office/drawing/2014/main" id="{083788E0-3FE7-F2BB-0796-EC8797C05B66}"/>
              </a:ext>
            </a:extLst>
          </p:cNvPr>
          <p:cNvSpPr>
            <a:spLocks noGrp="1"/>
          </p:cNvSpPr>
          <p:nvPr>
            <p:ph type="body" idx="46" hasCustomPrompt="1"/>
          </p:nvPr>
        </p:nvSpPr>
        <p:spPr>
          <a:xfrm>
            <a:off x="6204700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9" name="Plassholder for tekst 2">
            <a:extLst>
              <a:ext uri="{FF2B5EF4-FFF2-40B4-BE49-F238E27FC236}">
                <a16:creationId xmlns:a16="http://schemas.microsoft.com/office/drawing/2014/main" id="{F518D76E-9C8C-7FC3-2374-E9BB932AC7BC}"/>
              </a:ext>
            </a:extLst>
          </p:cNvPr>
          <p:cNvSpPr>
            <a:spLocks noGrp="1"/>
          </p:cNvSpPr>
          <p:nvPr>
            <p:ph type="body" idx="47" hasCustomPrompt="1"/>
          </p:nvPr>
        </p:nvSpPr>
        <p:spPr>
          <a:xfrm>
            <a:off x="7995774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60" name="Plassholder for tekst 2">
            <a:extLst>
              <a:ext uri="{FF2B5EF4-FFF2-40B4-BE49-F238E27FC236}">
                <a16:creationId xmlns:a16="http://schemas.microsoft.com/office/drawing/2014/main" id="{F95D8F59-61D6-70B5-4880-67640AD2A7AC}"/>
              </a:ext>
            </a:extLst>
          </p:cNvPr>
          <p:cNvSpPr>
            <a:spLocks noGrp="1"/>
          </p:cNvSpPr>
          <p:nvPr>
            <p:ph type="body" idx="48" hasCustomPrompt="1"/>
          </p:nvPr>
        </p:nvSpPr>
        <p:spPr>
          <a:xfrm>
            <a:off x="9786846" y="2088000"/>
            <a:ext cx="1580400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65" name="Tittel 1">
            <a:extLst>
              <a:ext uri="{FF2B5EF4-FFF2-40B4-BE49-F238E27FC236}">
                <a16:creationId xmlns:a16="http://schemas.microsoft.com/office/drawing/2014/main" id="{7E4CF2B4-797D-A6C4-4847-226681D144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69B1CADD-72C6-3442-2585-8A4A2264984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43368516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Bilder (v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5" name="Plassholder for bilde 7">
            <a:extLst>
              <a:ext uri="{FF2B5EF4-FFF2-40B4-BE49-F238E27FC236}">
                <a16:creationId xmlns:a16="http://schemas.microsoft.com/office/drawing/2014/main" id="{F9D0DD48-D3B5-E6B7-A0AD-3711AFFC6E2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838200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579B4212-6066-1936-99A9-F11830993D55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4584795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9" name="Plassholder for bilde 7">
            <a:extLst>
              <a:ext uri="{FF2B5EF4-FFF2-40B4-BE49-F238E27FC236}">
                <a16:creationId xmlns:a16="http://schemas.microsoft.com/office/drawing/2014/main" id="{9FF8982C-B885-8393-46D0-D8BEC14E2DE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583206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5" name="Plassholder for tekst 2">
            <a:extLst>
              <a:ext uri="{FF2B5EF4-FFF2-40B4-BE49-F238E27FC236}">
                <a16:creationId xmlns:a16="http://schemas.microsoft.com/office/drawing/2014/main" id="{3DAF464D-5150-2CD2-B287-E5DE65E0CEB1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336524" y="1440000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6" name="Plassholder for bilde 7">
            <a:extLst>
              <a:ext uri="{FF2B5EF4-FFF2-40B4-BE49-F238E27FC236}">
                <a16:creationId xmlns:a16="http://schemas.microsoft.com/office/drawing/2014/main" id="{C4CB5FB2-868E-866B-B7FA-1A4A8EBBDBF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334935" y="2052000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1" name="Tittel 1">
            <a:extLst>
              <a:ext uri="{FF2B5EF4-FFF2-40B4-BE49-F238E27FC236}">
                <a16:creationId xmlns:a16="http://schemas.microsoft.com/office/drawing/2014/main" id="{0321C738-ECD7-CCB3-D765-A186C53694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E357181C-3944-182F-334F-B3748AE335AE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847383" y="3838556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7" name="Plassholder for bilde 7">
            <a:extLst>
              <a:ext uri="{FF2B5EF4-FFF2-40B4-BE49-F238E27FC236}">
                <a16:creationId xmlns:a16="http://schemas.microsoft.com/office/drawing/2014/main" id="{F000B82B-10B3-4534-A66C-BF9ACBAD7F6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845794" y="4450556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9655EA49-F11E-DD9D-6503-1DE6413A690F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4592389" y="3838556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9" name="Plassholder for bilde 7">
            <a:extLst>
              <a:ext uri="{FF2B5EF4-FFF2-40B4-BE49-F238E27FC236}">
                <a16:creationId xmlns:a16="http://schemas.microsoft.com/office/drawing/2014/main" id="{DC97E4C9-16DA-6949-F1AF-EF19A0AF2787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4590800" y="4450556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20" name="Plassholder for tekst 2">
            <a:extLst>
              <a:ext uri="{FF2B5EF4-FFF2-40B4-BE49-F238E27FC236}">
                <a16:creationId xmlns:a16="http://schemas.microsoft.com/office/drawing/2014/main" id="{F7774074-FC60-E110-5F70-27A23896EEC9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8344118" y="3838556"/>
            <a:ext cx="3014582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22" name="Plassholder for bilde 7">
            <a:extLst>
              <a:ext uri="{FF2B5EF4-FFF2-40B4-BE49-F238E27FC236}">
                <a16:creationId xmlns:a16="http://schemas.microsoft.com/office/drawing/2014/main" id="{CF5E2BC3-0E12-CE9D-A54E-FA0396D7191C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342529" y="4450556"/>
            <a:ext cx="3023765" cy="1620000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4" name="Bilde 2">
            <a:extLst>
              <a:ext uri="{FF2B5EF4-FFF2-40B4-BE49-F238E27FC236}">
                <a16:creationId xmlns:a16="http://schemas.microsoft.com/office/drawing/2014/main" id="{1809BD24-89F9-48F3-62AF-A69BDCDAA928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8522945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Mellomsli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38200" y="847032"/>
            <a:ext cx="10515600" cy="2810567"/>
          </a:xfrm>
        </p:spPr>
        <p:txBody>
          <a:bodyPr anchor="b">
            <a:noAutofit/>
          </a:bodyPr>
          <a:lstStyle>
            <a:lvl1pPr algn="ctr">
              <a:defRPr sz="44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200" y="3724712"/>
            <a:ext cx="10515600" cy="2286000"/>
          </a:xfrm>
        </p:spPr>
        <p:txBody>
          <a:bodyPr>
            <a:noAutofit/>
          </a:bodyPr>
          <a:lstStyle>
            <a:lvl1pPr marL="0" indent="0" algn="ctr">
              <a:buNone/>
              <a:defRPr sz="2000">
                <a:solidFill>
                  <a:schemeClr val="bg2"/>
                </a:solidFill>
                <a:latin typeface="Aptos" panose="020B00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46CAA519-6EDD-239A-178C-6679C82E4B0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6" name="Bilde 5">
            <a:extLst>
              <a:ext uri="{FF2B5EF4-FFF2-40B4-BE49-F238E27FC236}">
                <a16:creationId xmlns:a16="http://schemas.microsoft.com/office/drawing/2014/main" id="{1D19E703-F873-71F5-8FDB-2D12D928A70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16923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7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3" name="Plassholder for tekst 2">
            <a:extLst>
              <a:ext uri="{FF2B5EF4-FFF2-40B4-BE49-F238E27FC236}">
                <a16:creationId xmlns:a16="http://schemas.microsoft.com/office/drawing/2014/main" id="{0216C865-47C2-00B0-9534-6A86022920E1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1478" y="1502430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49" name="Plassholder for bilde 8">
            <a:extLst>
              <a:ext uri="{FF2B5EF4-FFF2-40B4-BE49-F238E27FC236}">
                <a16:creationId xmlns:a16="http://schemas.microsoft.com/office/drawing/2014/main" id="{02A85793-9D56-F3A1-1596-5630F094879C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>
          <a:xfrm>
            <a:off x="831478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52" name="Plassholder for bilde 8">
            <a:extLst>
              <a:ext uri="{FF2B5EF4-FFF2-40B4-BE49-F238E27FC236}">
                <a16:creationId xmlns:a16="http://schemas.microsoft.com/office/drawing/2014/main" id="{8E1508F4-ACCB-FBE9-3EAD-970AAB67D863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>
          <a:xfrm>
            <a:off x="3569749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55" name="Plassholder for bilde 8">
            <a:extLst>
              <a:ext uri="{FF2B5EF4-FFF2-40B4-BE49-F238E27FC236}">
                <a16:creationId xmlns:a16="http://schemas.microsoft.com/office/drawing/2014/main" id="{8AAE4EEE-9F8F-96A5-7631-B39CD25ED582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308020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58" name="Plassholder for tekst 2">
            <a:extLst>
              <a:ext uri="{FF2B5EF4-FFF2-40B4-BE49-F238E27FC236}">
                <a16:creationId xmlns:a16="http://schemas.microsoft.com/office/drawing/2014/main" id="{083788E0-3FE7-F2BB-0796-EC8797C05B66}"/>
              </a:ext>
            </a:extLst>
          </p:cNvPr>
          <p:cNvSpPr>
            <a:spLocks noGrp="1"/>
          </p:cNvSpPr>
          <p:nvPr>
            <p:ph type="body" idx="46" hasCustomPrompt="1"/>
          </p:nvPr>
        </p:nvSpPr>
        <p:spPr>
          <a:xfrm>
            <a:off x="3569749" y="1502430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60" name="Plassholder for tekst 2">
            <a:extLst>
              <a:ext uri="{FF2B5EF4-FFF2-40B4-BE49-F238E27FC236}">
                <a16:creationId xmlns:a16="http://schemas.microsoft.com/office/drawing/2014/main" id="{F95D8F59-61D6-70B5-4880-67640AD2A7AC}"/>
              </a:ext>
            </a:extLst>
          </p:cNvPr>
          <p:cNvSpPr>
            <a:spLocks noGrp="1"/>
          </p:cNvSpPr>
          <p:nvPr>
            <p:ph type="body" idx="48" hasCustomPrompt="1"/>
          </p:nvPr>
        </p:nvSpPr>
        <p:spPr>
          <a:xfrm>
            <a:off x="6308020" y="1502430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" name="Plassholder for bilde 8">
            <a:extLst>
              <a:ext uri="{FF2B5EF4-FFF2-40B4-BE49-F238E27FC236}">
                <a16:creationId xmlns:a16="http://schemas.microsoft.com/office/drawing/2014/main" id="{AE878338-A930-AD9C-8F64-7659FF69DF26}"/>
              </a:ext>
            </a:extLst>
          </p:cNvPr>
          <p:cNvSpPr>
            <a:spLocks noGrp="1"/>
          </p:cNvSpPr>
          <p:nvPr>
            <p:ph type="pic" sz="quarter" idx="49"/>
          </p:nvPr>
        </p:nvSpPr>
        <p:spPr>
          <a:xfrm>
            <a:off x="9046291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0253B3FF-EF18-2696-A213-A83D77188778}"/>
              </a:ext>
            </a:extLst>
          </p:cNvPr>
          <p:cNvSpPr>
            <a:spLocks noGrp="1"/>
          </p:cNvSpPr>
          <p:nvPr>
            <p:ph type="body" idx="50" hasCustomPrompt="1"/>
          </p:nvPr>
        </p:nvSpPr>
        <p:spPr>
          <a:xfrm>
            <a:off x="9046291" y="1502430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3" name="Plassholder for bilde 8">
            <a:extLst>
              <a:ext uri="{FF2B5EF4-FFF2-40B4-BE49-F238E27FC236}">
                <a16:creationId xmlns:a16="http://schemas.microsoft.com/office/drawing/2014/main" id="{97F1F746-ED1D-ECA3-C751-F29B0B485375}"/>
              </a:ext>
            </a:extLst>
          </p:cNvPr>
          <p:cNvSpPr>
            <a:spLocks noGrp="1"/>
          </p:cNvSpPr>
          <p:nvPr>
            <p:ph type="pic" sz="quarter" idx="53"/>
          </p:nvPr>
        </p:nvSpPr>
        <p:spPr>
          <a:xfrm>
            <a:off x="2204873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4" name="Plassholder for bilde 8">
            <a:extLst>
              <a:ext uri="{FF2B5EF4-FFF2-40B4-BE49-F238E27FC236}">
                <a16:creationId xmlns:a16="http://schemas.microsoft.com/office/drawing/2014/main" id="{2F4277C5-FFD4-37D9-1CF3-2454E2F2EF7B}"/>
              </a:ext>
            </a:extLst>
          </p:cNvPr>
          <p:cNvSpPr>
            <a:spLocks noGrp="1"/>
          </p:cNvSpPr>
          <p:nvPr>
            <p:ph type="pic" sz="quarter" idx="54"/>
          </p:nvPr>
        </p:nvSpPr>
        <p:spPr>
          <a:xfrm>
            <a:off x="4943144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5" name="Plassholder for tekst 2">
            <a:extLst>
              <a:ext uri="{FF2B5EF4-FFF2-40B4-BE49-F238E27FC236}">
                <a16:creationId xmlns:a16="http://schemas.microsoft.com/office/drawing/2014/main" id="{E02CF2BA-8B43-251E-FA25-2606AA231EB9}"/>
              </a:ext>
            </a:extLst>
          </p:cNvPr>
          <p:cNvSpPr>
            <a:spLocks noGrp="1"/>
          </p:cNvSpPr>
          <p:nvPr>
            <p:ph type="body" idx="55" hasCustomPrompt="1"/>
          </p:nvPr>
        </p:nvSpPr>
        <p:spPr>
          <a:xfrm>
            <a:off x="2204873" y="3864209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6" name="Plassholder for tekst 2">
            <a:extLst>
              <a:ext uri="{FF2B5EF4-FFF2-40B4-BE49-F238E27FC236}">
                <a16:creationId xmlns:a16="http://schemas.microsoft.com/office/drawing/2014/main" id="{9D980F3E-68D9-E050-B6E5-70EE446D01FE}"/>
              </a:ext>
            </a:extLst>
          </p:cNvPr>
          <p:cNvSpPr>
            <a:spLocks noGrp="1"/>
          </p:cNvSpPr>
          <p:nvPr>
            <p:ph type="body" idx="56" hasCustomPrompt="1"/>
          </p:nvPr>
        </p:nvSpPr>
        <p:spPr>
          <a:xfrm>
            <a:off x="4943144" y="3864209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7" name="Plassholder for bilde 8">
            <a:extLst>
              <a:ext uri="{FF2B5EF4-FFF2-40B4-BE49-F238E27FC236}">
                <a16:creationId xmlns:a16="http://schemas.microsoft.com/office/drawing/2014/main" id="{566499BD-1118-679D-9C95-1CDC349F9D0E}"/>
              </a:ext>
            </a:extLst>
          </p:cNvPr>
          <p:cNvSpPr>
            <a:spLocks noGrp="1"/>
          </p:cNvSpPr>
          <p:nvPr>
            <p:ph type="pic" sz="quarter" idx="57"/>
          </p:nvPr>
        </p:nvSpPr>
        <p:spPr>
          <a:xfrm>
            <a:off x="7681415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E2C37CDB-FA3D-9CF1-F030-5A5CEA6D6A46}"/>
              </a:ext>
            </a:extLst>
          </p:cNvPr>
          <p:cNvSpPr>
            <a:spLocks noGrp="1"/>
          </p:cNvSpPr>
          <p:nvPr>
            <p:ph type="body" idx="58" hasCustomPrompt="1"/>
          </p:nvPr>
        </p:nvSpPr>
        <p:spPr>
          <a:xfrm>
            <a:off x="7681415" y="3864209"/>
            <a:ext cx="2320955" cy="576000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3" name="Tittel 1">
            <a:extLst>
              <a:ext uri="{FF2B5EF4-FFF2-40B4-BE49-F238E27FC236}">
                <a16:creationId xmlns:a16="http://schemas.microsoft.com/office/drawing/2014/main" id="{BBB7AF09-F2EB-4DBB-CF93-129E42C92E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4" name="Bilde 2">
            <a:extLst>
              <a:ext uri="{FF2B5EF4-FFF2-40B4-BE49-F238E27FC236}">
                <a16:creationId xmlns:a16="http://schemas.microsoft.com/office/drawing/2014/main" id="{B09F5F2C-F74B-22EC-1096-B0D094863F2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6008862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3" name="Plassholder for tekst 2">
            <a:extLst>
              <a:ext uri="{FF2B5EF4-FFF2-40B4-BE49-F238E27FC236}">
                <a16:creationId xmlns:a16="http://schemas.microsoft.com/office/drawing/2014/main" id="{0216C865-47C2-00B0-9534-6A86022920E1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1478" y="1501200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49" name="Plassholder for bilde 8">
            <a:extLst>
              <a:ext uri="{FF2B5EF4-FFF2-40B4-BE49-F238E27FC236}">
                <a16:creationId xmlns:a16="http://schemas.microsoft.com/office/drawing/2014/main" id="{02A85793-9D56-F3A1-1596-5630F094879C}"/>
              </a:ext>
            </a:extLst>
          </p:cNvPr>
          <p:cNvSpPr>
            <a:spLocks noGrp="1"/>
          </p:cNvSpPr>
          <p:nvPr>
            <p:ph type="pic" sz="quarter" idx="38"/>
          </p:nvPr>
        </p:nvSpPr>
        <p:spPr>
          <a:xfrm>
            <a:off x="831478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</p:txBody>
      </p:sp>
      <p:sp>
        <p:nvSpPr>
          <p:cNvPr id="52" name="Plassholder for bilde 8">
            <a:extLst>
              <a:ext uri="{FF2B5EF4-FFF2-40B4-BE49-F238E27FC236}">
                <a16:creationId xmlns:a16="http://schemas.microsoft.com/office/drawing/2014/main" id="{8E1508F4-ACCB-FBE9-3EAD-970AAB67D863}"/>
              </a:ext>
            </a:extLst>
          </p:cNvPr>
          <p:cNvSpPr>
            <a:spLocks noGrp="1"/>
          </p:cNvSpPr>
          <p:nvPr>
            <p:ph type="pic" sz="quarter" idx="41"/>
          </p:nvPr>
        </p:nvSpPr>
        <p:spPr>
          <a:xfrm>
            <a:off x="3569749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55" name="Plassholder for bilde 8">
            <a:extLst>
              <a:ext uri="{FF2B5EF4-FFF2-40B4-BE49-F238E27FC236}">
                <a16:creationId xmlns:a16="http://schemas.microsoft.com/office/drawing/2014/main" id="{8AAE4EEE-9F8F-96A5-7631-B39CD25ED582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308020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58" name="Plassholder for tekst 2">
            <a:extLst>
              <a:ext uri="{FF2B5EF4-FFF2-40B4-BE49-F238E27FC236}">
                <a16:creationId xmlns:a16="http://schemas.microsoft.com/office/drawing/2014/main" id="{083788E0-3FE7-F2BB-0796-EC8797C05B66}"/>
              </a:ext>
            </a:extLst>
          </p:cNvPr>
          <p:cNvSpPr>
            <a:spLocks noGrp="1"/>
          </p:cNvSpPr>
          <p:nvPr>
            <p:ph type="body" idx="46" hasCustomPrompt="1"/>
          </p:nvPr>
        </p:nvSpPr>
        <p:spPr>
          <a:xfrm>
            <a:off x="3569749" y="1501200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60" name="Plassholder for tekst 2">
            <a:extLst>
              <a:ext uri="{FF2B5EF4-FFF2-40B4-BE49-F238E27FC236}">
                <a16:creationId xmlns:a16="http://schemas.microsoft.com/office/drawing/2014/main" id="{F95D8F59-61D6-70B5-4880-67640AD2A7AC}"/>
              </a:ext>
            </a:extLst>
          </p:cNvPr>
          <p:cNvSpPr>
            <a:spLocks noGrp="1"/>
          </p:cNvSpPr>
          <p:nvPr>
            <p:ph type="body" idx="48" hasCustomPrompt="1"/>
          </p:nvPr>
        </p:nvSpPr>
        <p:spPr>
          <a:xfrm>
            <a:off x="6308020" y="1501200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5" name="Plassholder for bilde 8">
            <a:extLst>
              <a:ext uri="{FF2B5EF4-FFF2-40B4-BE49-F238E27FC236}">
                <a16:creationId xmlns:a16="http://schemas.microsoft.com/office/drawing/2014/main" id="{AE878338-A930-AD9C-8F64-7659FF69DF26}"/>
              </a:ext>
            </a:extLst>
          </p:cNvPr>
          <p:cNvSpPr>
            <a:spLocks noGrp="1"/>
          </p:cNvSpPr>
          <p:nvPr>
            <p:ph type="pic" sz="quarter" idx="49"/>
          </p:nvPr>
        </p:nvSpPr>
        <p:spPr>
          <a:xfrm>
            <a:off x="9046291" y="2226339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7" name="Plassholder for tekst 2">
            <a:extLst>
              <a:ext uri="{FF2B5EF4-FFF2-40B4-BE49-F238E27FC236}">
                <a16:creationId xmlns:a16="http://schemas.microsoft.com/office/drawing/2014/main" id="{0253B3FF-EF18-2696-A213-A83D77188778}"/>
              </a:ext>
            </a:extLst>
          </p:cNvPr>
          <p:cNvSpPr>
            <a:spLocks noGrp="1"/>
          </p:cNvSpPr>
          <p:nvPr>
            <p:ph type="body" idx="50" hasCustomPrompt="1"/>
          </p:nvPr>
        </p:nvSpPr>
        <p:spPr>
          <a:xfrm>
            <a:off x="9046291" y="1501200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2" name="Plassholder for bilde 8">
            <a:extLst>
              <a:ext uri="{FF2B5EF4-FFF2-40B4-BE49-F238E27FC236}">
                <a16:creationId xmlns:a16="http://schemas.microsoft.com/office/drawing/2014/main" id="{2DD7E2EC-01C3-088C-18A9-A21C6D22D0CC}"/>
              </a:ext>
            </a:extLst>
          </p:cNvPr>
          <p:cNvSpPr>
            <a:spLocks noGrp="1"/>
          </p:cNvSpPr>
          <p:nvPr>
            <p:ph type="pic" sz="quarter" idx="52"/>
          </p:nvPr>
        </p:nvSpPr>
        <p:spPr>
          <a:xfrm>
            <a:off x="831478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3" name="Plassholder for bilde 8">
            <a:extLst>
              <a:ext uri="{FF2B5EF4-FFF2-40B4-BE49-F238E27FC236}">
                <a16:creationId xmlns:a16="http://schemas.microsoft.com/office/drawing/2014/main" id="{97F1F746-ED1D-ECA3-C751-F29B0B485375}"/>
              </a:ext>
            </a:extLst>
          </p:cNvPr>
          <p:cNvSpPr>
            <a:spLocks noGrp="1"/>
          </p:cNvSpPr>
          <p:nvPr>
            <p:ph type="pic" sz="quarter" idx="53"/>
          </p:nvPr>
        </p:nvSpPr>
        <p:spPr>
          <a:xfrm>
            <a:off x="3569749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4" name="Plassholder for bilde 8">
            <a:extLst>
              <a:ext uri="{FF2B5EF4-FFF2-40B4-BE49-F238E27FC236}">
                <a16:creationId xmlns:a16="http://schemas.microsoft.com/office/drawing/2014/main" id="{2F4277C5-FFD4-37D9-1CF3-2454E2F2EF7B}"/>
              </a:ext>
            </a:extLst>
          </p:cNvPr>
          <p:cNvSpPr>
            <a:spLocks noGrp="1"/>
          </p:cNvSpPr>
          <p:nvPr>
            <p:ph type="pic" sz="quarter" idx="54"/>
          </p:nvPr>
        </p:nvSpPr>
        <p:spPr>
          <a:xfrm>
            <a:off x="6308020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17" name="Plassholder for bilde 8">
            <a:extLst>
              <a:ext uri="{FF2B5EF4-FFF2-40B4-BE49-F238E27FC236}">
                <a16:creationId xmlns:a16="http://schemas.microsoft.com/office/drawing/2014/main" id="{566499BD-1118-679D-9C95-1CDC349F9D0E}"/>
              </a:ext>
            </a:extLst>
          </p:cNvPr>
          <p:cNvSpPr>
            <a:spLocks noGrp="1"/>
          </p:cNvSpPr>
          <p:nvPr>
            <p:ph type="pic" sz="quarter" idx="57"/>
          </p:nvPr>
        </p:nvSpPr>
        <p:spPr>
          <a:xfrm>
            <a:off x="9046291" y="4586298"/>
            <a:ext cx="2320955" cy="1465982"/>
          </a:xfrm>
          <a:prstGeom prst="roundRect">
            <a:avLst>
              <a:gd name="adj" fmla="val 4964"/>
            </a:avLst>
          </a:prstGeom>
          <a:noFill/>
        </p:spPr>
        <p:txBody>
          <a:bodyPr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4" name="Tittel 1">
            <a:extLst>
              <a:ext uri="{FF2B5EF4-FFF2-40B4-BE49-F238E27FC236}">
                <a16:creationId xmlns:a16="http://schemas.microsoft.com/office/drawing/2014/main" id="{59A7167C-BAA1-4A10-1B98-1A00582557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2"/>
            <a:ext cx="10515600" cy="946766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576CEBF6-3BE1-5E42-6061-F6926D31797C}"/>
              </a:ext>
            </a:extLst>
          </p:cNvPr>
          <p:cNvSpPr>
            <a:spLocks noGrp="1"/>
          </p:cNvSpPr>
          <p:nvPr>
            <p:ph type="body" idx="58" hasCustomPrompt="1"/>
          </p:nvPr>
        </p:nvSpPr>
        <p:spPr>
          <a:xfrm>
            <a:off x="831478" y="3864209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8" name="Plassholder for tekst 2">
            <a:extLst>
              <a:ext uri="{FF2B5EF4-FFF2-40B4-BE49-F238E27FC236}">
                <a16:creationId xmlns:a16="http://schemas.microsoft.com/office/drawing/2014/main" id="{0FFD279D-1973-5BD8-6E81-9CB6D66CDEB9}"/>
              </a:ext>
            </a:extLst>
          </p:cNvPr>
          <p:cNvSpPr>
            <a:spLocks noGrp="1"/>
          </p:cNvSpPr>
          <p:nvPr>
            <p:ph type="body" idx="59" hasCustomPrompt="1"/>
          </p:nvPr>
        </p:nvSpPr>
        <p:spPr>
          <a:xfrm>
            <a:off x="3569749" y="3864209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9" name="Plassholder for tekst 2">
            <a:extLst>
              <a:ext uri="{FF2B5EF4-FFF2-40B4-BE49-F238E27FC236}">
                <a16:creationId xmlns:a16="http://schemas.microsoft.com/office/drawing/2014/main" id="{68A3FA0C-01AD-17E2-9321-71045DF2D574}"/>
              </a:ext>
            </a:extLst>
          </p:cNvPr>
          <p:cNvSpPr>
            <a:spLocks noGrp="1"/>
          </p:cNvSpPr>
          <p:nvPr>
            <p:ph type="body" idx="60" hasCustomPrompt="1"/>
          </p:nvPr>
        </p:nvSpPr>
        <p:spPr>
          <a:xfrm>
            <a:off x="6308020" y="3864209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sp>
        <p:nvSpPr>
          <p:cNvPr id="19" name="Plassholder for tekst 2">
            <a:extLst>
              <a:ext uri="{FF2B5EF4-FFF2-40B4-BE49-F238E27FC236}">
                <a16:creationId xmlns:a16="http://schemas.microsoft.com/office/drawing/2014/main" id="{708F4737-FA4E-521E-70AA-1214CEAD3C81}"/>
              </a:ext>
            </a:extLst>
          </p:cNvPr>
          <p:cNvSpPr>
            <a:spLocks noGrp="1"/>
          </p:cNvSpPr>
          <p:nvPr>
            <p:ph type="body" idx="61" hasCustomPrompt="1"/>
          </p:nvPr>
        </p:nvSpPr>
        <p:spPr>
          <a:xfrm>
            <a:off x="9046291" y="3864209"/>
            <a:ext cx="2320955" cy="575673"/>
          </a:xfrm>
        </p:spPr>
        <p:txBody>
          <a:bodyPr anchor="b">
            <a:noAutofit/>
          </a:bodyPr>
          <a:lstStyle>
            <a:lvl1pPr marL="0" indent="0" algn="ctr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4 Overskrift</a:t>
            </a:r>
          </a:p>
        </p:txBody>
      </p:sp>
      <p:pic>
        <p:nvPicPr>
          <p:cNvPr id="10" name="Bilde 2">
            <a:extLst>
              <a:ext uri="{FF2B5EF4-FFF2-40B4-BE49-F238E27FC236}">
                <a16:creationId xmlns:a16="http://schemas.microsoft.com/office/drawing/2014/main" id="{2C2C500B-13FB-4EE3-24F5-D87D3B332EBF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780090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med 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9" name="Plassholder for tekst 11">
            <a:extLst>
              <a:ext uri="{FF2B5EF4-FFF2-40B4-BE49-F238E27FC236}">
                <a16:creationId xmlns:a16="http://schemas.microsoft.com/office/drawing/2014/main" id="{2F858608-64D6-331C-085A-0C66685BB95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838201" y="417600"/>
            <a:ext cx="10530384" cy="946800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3200" b="1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132ACC07-52CA-A4AD-41FB-BB03DE9FA8A5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2846389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3" name="Bilde 2">
            <a:extLst>
              <a:ext uri="{FF2B5EF4-FFF2-40B4-BE49-F238E27FC236}">
                <a16:creationId xmlns:a16="http://schemas.microsoft.com/office/drawing/2014/main" id="{932D5928-BB66-564C-FC18-C790A2A021AB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2038184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E2CA3827-621B-C676-47D3-201B124EF45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199" y="5745270"/>
            <a:ext cx="9585961" cy="911562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Klikk for å redigere tittel</a:t>
            </a:r>
          </a:p>
        </p:txBody>
      </p:sp>
      <p:pic>
        <p:nvPicPr>
          <p:cNvPr id="7" name="Bilde 6">
            <a:extLst>
              <a:ext uri="{FF2B5EF4-FFF2-40B4-BE49-F238E27FC236}">
                <a16:creationId xmlns:a16="http://schemas.microsoft.com/office/drawing/2014/main" id="{ABFD2521-1490-D72D-EE7C-8EE5F2D435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6" name="Plassholder for bilde 15">
            <a:extLst>
              <a:ext uri="{FF2B5EF4-FFF2-40B4-BE49-F238E27FC236}">
                <a16:creationId xmlns:a16="http://schemas.microsoft.com/office/drawing/2014/main" id="{3C56B254-A437-A010-A101-B2076D4632E2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838199" y="818284"/>
            <a:ext cx="10507114" cy="4540569"/>
          </a:xfrm>
          <a:custGeom>
            <a:avLst/>
            <a:gdLst>
              <a:gd name="connsiteX0" fmla="*/ 1170454 w 10507114"/>
              <a:gd name="connsiteY0" fmla="*/ 0 h 4540569"/>
              <a:gd name="connsiteX1" fmla="*/ 7149362 w 10507114"/>
              <a:gd name="connsiteY1" fmla="*/ 0 h 4540569"/>
              <a:gd name="connsiteX2" fmla="*/ 7373349 w 10507114"/>
              <a:gd name="connsiteY2" fmla="*/ 223851 h 4540569"/>
              <a:gd name="connsiteX3" fmla="*/ 7373349 w 10507114"/>
              <a:gd name="connsiteY3" fmla="*/ 930152 h 4540569"/>
              <a:gd name="connsiteX4" fmla="*/ 7789401 w 10507114"/>
              <a:gd name="connsiteY4" fmla="*/ 1045341 h 4540569"/>
              <a:gd name="connsiteX5" fmla="*/ 8351739 w 10507114"/>
              <a:gd name="connsiteY5" fmla="*/ 108662 h 4540569"/>
              <a:gd name="connsiteX6" fmla="*/ 8543803 w 10507114"/>
              <a:gd name="connsiteY6" fmla="*/ 0 h 4540569"/>
              <a:gd name="connsiteX7" fmla="*/ 10283127 w 10507114"/>
              <a:gd name="connsiteY7" fmla="*/ 0 h 4540569"/>
              <a:gd name="connsiteX8" fmla="*/ 10507114 w 10507114"/>
              <a:gd name="connsiteY8" fmla="*/ 223851 h 4540569"/>
              <a:gd name="connsiteX9" fmla="*/ 10507114 w 10507114"/>
              <a:gd name="connsiteY9" fmla="*/ 2740072 h 4540569"/>
              <a:gd name="connsiteX10" fmla="*/ 10475033 w 10507114"/>
              <a:gd name="connsiteY10" fmla="*/ 2855473 h 4540569"/>
              <a:gd name="connsiteX11" fmla="*/ 9525932 w 10507114"/>
              <a:gd name="connsiteY11" fmla="*/ 4432119 h 4540569"/>
              <a:gd name="connsiteX12" fmla="*/ 9334026 w 10507114"/>
              <a:gd name="connsiteY12" fmla="*/ 4540569 h 4540569"/>
              <a:gd name="connsiteX13" fmla="*/ 223987 w 10507114"/>
              <a:gd name="connsiteY13" fmla="*/ 4540569 h 4540569"/>
              <a:gd name="connsiteX14" fmla="*/ 0 w 10507114"/>
              <a:gd name="connsiteY14" fmla="*/ 4316718 h 4540569"/>
              <a:gd name="connsiteX15" fmla="*/ 0 w 10507114"/>
              <a:gd name="connsiteY15" fmla="*/ 1800392 h 4540569"/>
              <a:gd name="connsiteX16" fmla="*/ 31923 w 10507114"/>
              <a:gd name="connsiteY16" fmla="*/ 1685202 h 4540569"/>
              <a:gd name="connsiteX17" fmla="*/ 978390 w 10507114"/>
              <a:gd name="connsiteY17" fmla="*/ 108662 h 4540569"/>
              <a:gd name="connsiteX18" fmla="*/ 1170454 w 10507114"/>
              <a:gd name="connsiteY18" fmla="*/ 0 h 45405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10507114" h="4540569">
                <a:moveTo>
                  <a:pt x="1170454" y="0"/>
                </a:moveTo>
                <a:lnTo>
                  <a:pt x="7149362" y="0"/>
                </a:lnTo>
                <a:cubicBezTo>
                  <a:pt x="7273050" y="0"/>
                  <a:pt x="7373349" y="100238"/>
                  <a:pt x="7373349" y="223851"/>
                </a:cubicBezTo>
                <a:lnTo>
                  <a:pt x="7373349" y="930152"/>
                </a:lnTo>
                <a:cubicBezTo>
                  <a:pt x="7373349" y="1157214"/>
                  <a:pt x="7672508" y="1240027"/>
                  <a:pt x="7789401" y="1045341"/>
                </a:cubicBezTo>
                <a:lnTo>
                  <a:pt x="8351739" y="108662"/>
                </a:lnTo>
                <a:cubicBezTo>
                  <a:pt x="8392195" y="41275"/>
                  <a:pt x="8465101" y="0"/>
                  <a:pt x="8543803" y="0"/>
                </a:cubicBezTo>
                <a:lnTo>
                  <a:pt x="10283127" y="0"/>
                </a:lnTo>
                <a:cubicBezTo>
                  <a:pt x="10406815" y="0"/>
                  <a:pt x="10507114" y="100238"/>
                  <a:pt x="10507114" y="223851"/>
                </a:cubicBezTo>
                <a:lnTo>
                  <a:pt x="10507114" y="2740072"/>
                </a:lnTo>
                <a:cubicBezTo>
                  <a:pt x="10507114" y="2780715"/>
                  <a:pt x="10495999" y="2820621"/>
                  <a:pt x="10475033" y="2855473"/>
                </a:cubicBezTo>
                <a:lnTo>
                  <a:pt x="9525932" y="4432119"/>
                </a:lnTo>
                <a:cubicBezTo>
                  <a:pt x="9485423" y="4499400"/>
                  <a:pt x="9412622" y="4540569"/>
                  <a:pt x="9334026" y="4540569"/>
                </a:cubicBezTo>
                <a:lnTo>
                  <a:pt x="223987" y="4540569"/>
                </a:lnTo>
                <a:cubicBezTo>
                  <a:pt x="100299" y="4540569"/>
                  <a:pt x="0" y="4440331"/>
                  <a:pt x="0" y="4316718"/>
                </a:cubicBezTo>
                <a:lnTo>
                  <a:pt x="0" y="1800392"/>
                </a:lnTo>
                <a:cubicBezTo>
                  <a:pt x="0" y="1759802"/>
                  <a:pt x="11062" y="1720001"/>
                  <a:pt x="31923" y="1685202"/>
                </a:cubicBezTo>
                <a:lnTo>
                  <a:pt x="978390" y="108662"/>
                </a:lnTo>
                <a:cubicBezTo>
                  <a:pt x="1018847" y="41275"/>
                  <a:pt x="1091753" y="0"/>
                  <a:pt x="117045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4" name="Bilde 2">
            <a:extLst>
              <a:ext uri="{FF2B5EF4-FFF2-40B4-BE49-F238E27FC236}">
                <a16:creationId xmlns:a16="http://schemas.microsoft.com/office/drawing/2014/main" id="{5A0FA078-A89C-90C0-5EDA-B47BB16801C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59527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1 (NOR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38200" y="1440000"/>
            <a:ext cx="3019926" cy="3136214"/>
          </a:xfrm>
          <a:prstGeom prst="roundRect">
            <a:avLst>
              <a:gd name="adj" fmla="val 4964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254391" y="1630740"/>
            <a:ext cx="7112855" cy="1518058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10515600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15" name="TekstSylinder 14">
            <a:extLst>
              <a:ext uri="{FF2B5EF4-FFF2-40B4-BE49-F238E27FC236}">
                <a16:creationId xmlns:a16="http://schemas.microsoft.com/office/drawing/2014/main" id="{8CE52A38-E2EF-03A4-7DC1-E599D4BA0251}"/>
              </a:ext>
            </a:extLst>
          </p:cNvPr>
          <p:cNvSpPr txBox="1"/>
          <p:nvPr userDrawn="1"/>
        </p:nvSpPr>
        <p:spPr>
          <a:xfrm>
            <a:off x="709220" y="4828601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 dirty="0">
                <a:solidFill>
                  <a:schemeClr val="tx1"/>
                </a:solidFill>
                <a:latin typeface="Aptos" panose="020B0004020202020204" pitchFamily="34" charset="0"/>
              </a:rPr>
              <a:t>Kunde</a:t>
            </a:r>
          </a:p>
        </p:txBody>
      </p:sp>
      <p:sp>
        <p:nvSpPr>
          <p:cNvPr id="16" name="TekstSylinder 15">
            <a:extLst>
              <a:ext uri="{FF2B5EF4-FFF2-40B4-BE49-F238E27FC236}">
                <a16:creationId xmlns:a16="http://schemas.microsoft.com/office/drawing/2014/main" id="{553DE9F8-B042-262C-8519-321F3B5E0B03}"/>
              </a:ext>
            </a:extLst>
          </p:cNvPr>
          <p:cNvSpPr txBox="1"/>
          <p:nvPr userDrawn="1"/>
        </p:nvSpPr>
        <p:spPr>
          <a:xfrm>
            <a:off x="709220" y="525239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tx1"/>
                </a:solidFill>
                <a:latin typeface="Aptos" panose="020B0004020202020204" pitchFamily="34" charset="0"/>
              </a:rPr>
              <a:t>Lokasjon</a:t>
            </a:r>
          </a:p>
        </p:txBody>
      </p:sp>
      <p:sp>
        <p:nvSpPr>
          <p:cNvPr id="17" name="TekstSylinder 16">
            <a:extLst>
              <a:ext uri="{FF2B5EF4-FFF2-40B4-BE49-F238E27FC236}">
                <a16:creationId xmlns:a16="http://schemas.microsoft.com/office/drawing/2014/main" id="{EC4DF47F-C1D9-6389-5278-382D8C6D6FC9}"/>
              </a:ext>
            </a:extLst>
          </p:cNvPr>
          <p:cNvSpPr txBox="1"/>
          <p:nvPr userDrawn="1"/>
        </p:nvSpPr>
        <p:spPr>
          <a:xfrm>
            <a:off x="709220" y="5676188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tx1"/>
                </a:solidFill>
                <a:latin typeface="Aptos" panose="020B0004020202020204" pitchFamily="34" charset="0"/>
              </a:rPr>
              <a:t>Tidsperiode</a:t>
            </a:r>
          </a:p>
        </p:txBody>
      </p:sp>
      <p:sp>
        <p:nvSpPr>
          <p:cNvPr id="18" name="Plassholder for tekst 6">
            <a:extLst>
              <a:ext uri="{FF2B5EF4-FFF2-40B4-BE49-F238E27FC236}">
                <a16:creationId xmlns:a16="http://schemas.microsoft.com/office/drawing/2014/main" id="{F0A70BA6-B04B-5EDD-E931-4F238A049C1D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1824524" y="4828601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19" name="Plassholder for tekst 6">
            <a:extLst>
              <a:ext uri="{FF2B5EF4-FFF2-40B4-BE49-F238E27FC236}">
                <a16:creationId xmlns:a16="http://schemas.microsoft.com/office/drawing/2014/main" id="{4DD7287A-CFF7-4FBA-7166-3AA4D74FB221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1824524" y="5252394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20" name="Plassholder for tekst 6">
            <a:extLst>
              <a:ext uri="{FF2B5EF4-FFF2-40B4-BE49-F238E27FC236}">
                <a16:creationId xmlns:a16="http://schemas.microsoft.com/office/drawing/2014/main" id="{B291BF4F-1CA1-C2AF-F33E-A5617C76DA3F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824524" y="5676188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26" name="Rett linje 25">
            <a:extLst>
              <a:ext uri="{FF2B5EF4-FFF2-40B4-BE49-F238E27FC236}">
                <a16:creationId xmlns:a16="http://schemas.microsoft.com/office/drawing/2014/main" id="{F5E072EB-6FCC-50C1-516A-538524734D9A}"/>
              </a:ext>
            </a:extLst>
          </p:cNvPr>
          <p:cNvCxnSpPr>
            <a:cxnSpLocks/>
          </p:cNvCxnSpPr>
          <p:nvPr userDrawn="1"/>
        </p:nvCxnSpPr>
        <p:spPr>
          <a:xfrm>
            <a:off x="1807010" y="47875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Rett linje 40">
            <a:extLst>
              <a:ext uri="{FF2B5EF4-FFF2-40B4-BE49-F238E27FC236}">
                <a16:creationId xmlns:a16="http://schemas.microsoft.com/office/drawing/2014/main" id="{2EB275D8-5351-4F3E-552B-2A3698B76831}"/>
              </a:ext>
            </a:extLst>
          </p:cNvPr>
          <p:cNvCxnSpPr>
            <a:cxnSpLocks/>
          </p:cNvCxnSpPr>
          <p:nvPr userDrawn="1"/>
        </p:nvCxnSpPr>
        <p:spPr>
          <a:xfrm>
            <a:off x="1807010" y="52066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Rett linje 41">
            <a:extLst>
              <a:ext uri="{FF2B5EF4-FFF2-40B4-BE49-F238E27FC236}">
                <a16:creationId xmlns:a16="http://schemas.microsoft.com/office/drawing/2014/main" id="{6FF298FB-F67D-4997-A807-D255AA72896F}"/>
              </a:ext>
            </a:extLst>
          </p:cNvPr>
          <p:cNvCxnSpPr>
            <a:cxnSpLocks/>
          </p:cNvCxnSpPr>
          <p:nvPr userDrawn="1"/>
        </p:nvCxnSpPr>
        <p:spPr>
          <a:xfrm>
            <a:off x="1807010" y="563523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4" name="TekstSylinder 43">
            <a:extLst>
              <a:ext uri="{FF2B5EF4-FFF2-40B4-BE49-F238E27FC236}">
                <a16:creationId xmlns:a16="http://schemas.microsoft.com/office/drawing/2014/main" id="{D4544379-1895-EF8F-3CE8-F5B90DC25DB6}"/>
              </a:ext>
            </a:extLst>
          </p:cNvPr>
          <p:cNvSpPr txBox="1"/>
          <p:nvPr userDrawn="1"/>
        </p:nvSpPr>
        <p:spPr>
          <a:xfrm>
            <a:off x="4254391" y="1353740"/>
            <a:ext cx="1771653" cy="27699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 dirty="0">
                <a:solidFill>
                  <a:schemeClr val="tx1"/>
                </a:solidFill>
                <a:latin typeface="Aptos" panose="020B0004020202020204" pitchFamily="34" charset="0"/>
              </a:rPr>
              <a:t>Om prosjektet</a:t>
            </a:r>
          </a:p>
        </p:txBody>
      </p:sp>
      <p:sp>
        <p:nvSpPr>
          <p:cNvPr id="47" name="Plassholder for innhold 2">
            <a:extLst>
              <a:ext uri="{FF2B5EF4-FFF2-40B4-BE49-F238E27FC236}">
                <a16:creationId xmlns:a16="http://schemas.microsoft.com/office/drawing/2014/main" id="{EF70380D-B785-2260-DA34-5A0F08A166A1}"/>
              </a:ext>
            </a:extLst>
          </p:cNvPr>
          <p:cNvSpPr>
            <a:spLocks noGrp="1"/>
          </p:cNvSpPr>
          <p:nvPr>
            <p:ph idx="38" hasCustomPrompt="1"/>
          </p:nvPr>
        </p:nvSpPr>
        <p:spPr>
          <a:xfrm>
            <a:off x="4254391" y="3530368"/>
            <a:ext cx="4275459" cy="2517090"/>
          </a:xfrm>
        </p:spPr>
        <p:txBody>
          <a:bodyPr>
            <a:noAutofit/>
          </a:bodyPr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r>
              <a:rPr lang="nb-NO" dirty="0"/>
              <a:t>Klikk for å redigere tekst</a:t>
            </a:r>
          </a:p>
        </p:txBody>
      </p:sp>
      <p:sp>
        <p:nvSpPr>
          <p:cNvPr id="48" name="TekstSylinder 47">
            <a:extLst>
              <a:ext uri="{FF2B5EF4-FFF2-40B4-BE49-F238E27FC236}">
                <a16:creationId xmlns:a16="http://schemas.microsoft.com/office/drawing/2014/main" id="{DFBA4433-347B-C653-4B29-0ACED4147B80}"/>
              </a:ext>
            </a:extLst>
          </p:cNvPr>
          <p:cNvSpPr txBox="1"/>
          <p:nvPr userDrawn="1"/>
        </p:nvSpPr>
        <p:spPr>
          <a:xfrm>
            <a:off x="4254390" y="3283885"/>
            <a:ext cx="1771653" cy="27699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 dirty="0">
                <a:solidFill>
                  <a:schemeClr val="tx1"/>
                </a:solidFill>
                <a:latin typeface="Aptos" panose="020B0004020202020204" pitchFamily="34" charset="0"/>
              </a:rPr>
              <a:t>Vårt arbeidsomfang</a:t>
            </a:r>
          </a:p>
        </p:txBody>
      </p:sp>
      <p:sp>
        <p:nvSpPr>
          <p:cNvPr id="49" name="Plassholder for bilde 8">
            <a:extLst>
              <a:ext uri="{FF2B5EF4-FFF2-40B4-BE49-F238E27FC236}">
                <a16:creationId xmlns:a16="http://schemas.microsoft.com/office/drawing/2014/main" id="{E6B259FB-2F43-455F-D46F-2A775D4E69B9}"/>
              </a:ext>
            </a:extLst>
          </p:cNvPr>
          <p:cNvSpPr>
            <a:spLocks noGrp="1"/>
          </p:cNvSpPr>
          <p:nvPr>
            <p:ph type="pic" sz="quarter" idx="39" hasCustomPrompt="1"/>
          </p:nvPr>
        </p:nvSpPr>
        <p:spPr>
          <a:xfrm>
            <a:off x="8720919" y="3350871"/>
            <a:ext cx="2647280" cy="2684168"/>
          </a:xfrm>
          <a:prstGeom prst="roundRect">
            <a:avLst>
              <a:gd name="adj" fmla="val 4964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cxnSp>
        <p:nvCxnSpPr>
          <p:cNvPr id="53" name="Rett linje 52">
            <a:extLst>
              <a:ext uri="{FF2B5EF4-FFF2-40B4-BE49-F238E27FC236}">
                <a16:creationId xmlns:a16="http://schemas.microsoft.com/office/drawing/2014/main" id="{EE37323A-E9EE-C40A-5B8C-33D32D802C9F}"/>
              </a:ext>
            </a:extLst>
          </p:cNvPr>
          <p:cNvCxnSpPr>
            <a:cxnSpLocks/>
          </p:cNvCxnSpPr>
          <p:nvPr userDrawn="1"/>
        </p:nvCxnSpPr>
        <p:spPr>
          <a:xfrm>
            <a:off x="1807010" y="604746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" name="Bilde 2">
            <a:extLst>
              <a:ext uri="{FF2B5EF4-FFF2-40B4-BE49-F238E27FC236}">
                <a16:creationId xmlns:a16="http://schemas.microsoft.com/office/drawing/2014/main" id="{305DBD7F-08AE-55BD-B3D2-7C7754A1B98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9449676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1 (ENG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38200" y="1440000"/>
            <a:ext cx="3019926" cy="3136214"/>
          </a:xfrm>
          <a:prstGeom prst="roundRect">
            <a:avLst>
              <a:gd name="adj" fmla="val 4964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254391" y="1630740"/>
            <a:ext cx="7112855" cy="1518058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10515600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15" name="TekstSylinder 14">
            <a:extLst>
              <a:ext uri="{FF2B5EF4-FFF2-40B4-BE49-F238E27FC236}">
                <a16:creationId xmlns:a16="http://schemas.microsoft.com/office/drawing/2014/main" id="{8CE52A38-E2EF-03A4-7DC1-E599D4BA0251}"/>
              </a:ext>
            </a:extLst>
          </p:cNvPr>
          <p:cNvSpPr txBox="1"/>
          <p:nvPr userDrawn="1"/>
        </p:nvSpPr>
        <p:spPr>
          <a:xfrm>
            <a:off x="709220" y="4828601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tx1"/>
                </a:solidFill>
                <a:latin typeface="Aptos" panose="020B0004020202020204" pitchFamily="34" charset="0"/>
              </a:rPr>
              <a:t>Client</a:t>
            </a:r>
          </a:p>
        </p:txBody>
      </p:sp>
      <p:sp>
        <p:nvSpPr>
          <p:cNvPr id="16" name="TekstSylinder 15">
            <a:extLst>
              <a:ext uri="{FF2B5EF4-FFF2-40B4-BE49-F238E27FC236}">
                <a16:creationId xmlns:a16="http://schemas.microsoft.com/office/drawing/2014/main" id="{553DE9F8-B042-262C-8519-321F3B5E0B03}"/>
              </a:ext>
            </a:extLst>
          </p:cNvPr>
          <p:cNvSpPr txBox="1"/>
          <p:nvPr userDrawn="1"/>
        </p:nvSpPr>
        <p:spPr>
          <a:xfrm>
            <a:off x="709220" y="525239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tx1"/>
                </a:solidFill>
                <a:latin typeface="Aptos" panose="020B0004020202020204" pitchFamily="34" charset="0"/>
              </a:rPr>
              <a:t>Location</a:t>
            </a:r>
          </a:p>
        </p:txBody>
      </p:sp>
      <p:sp>
        <p:nvSpPr>
          <p:cNvPr id="17" name="TekstSylinder 16">
            <a:extLst>
              <a:ext uri="{FF2B5EF4-FFF2-40B4-BE49-F238E27FC236}">
                <a16:creationId xmlns:a16="http://schemas.microsoft.com/office/drawing/2014/main" id="{EC4DF47F-C1D9-6389-5278-382D8C6D6FC9}"/>
              </a:ext>
            </a:extLst>
          </p:cNvPr>
          <p:cNvSpPr txBox="1"/>
          <p:nvPr userDrawn="1"/>
        </p:nvSpPr>
        <p:spPr>
          <a:xfrm>
            <a:off x="709220" y="5676188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tx1"/>
                </a:solidFill>
                <a:latin typeface="Aptos" panose="020B0004020202020204" pitchFamily="34" charset="0"/>
              </a:rPr>
              <a:t>Time period</a:t>
            </a:r>
          </a:p>
        </p:txBody>
      </p:sp>
      <p:sp>
        <p:nvSpPr>
          <p:cNvPr id="18" name="Plassholder for tekst 6">
            <a:extLst>
              <a:ext uri="{FF2B5EF4-FFF2-40B4-BE49-F238E27FC236}">
                <a16:creationId xmlns:a16="http://schemas.microsoft.com/office/drawing/2014/main" id="{F0A70BA6-B04B-5EDD-E931-4F238A049C1D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1824524" y="4828601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19" name="Plassholder for tekst 6">
            <a:extLst>
              <a:ext uri="{FF2B5EF4-FFF2-40B4-BE49-F238E27FC236}">
                <a16:creationId xmlns:a16="http://schemas.microsoft.com/office/drawing/2014/main" id="{4DD7287A-CFF7-4FBA-7166-3AA4D74FB221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1824524" y="5252394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20" name="Plassholder for tekst 6">
            <a:extLst>
              <a:ext uri="{FF2B5EF4-FFF2-40B4-BE49-F238E27FC236}">
                <a16:creationId xmlns:a16="http://schemas.microsoft.com/office/drawing/2014/main" id="{B291BF4F-1CA1-C2AF-F33E-A5617C76DA3F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824524" y="5676188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26" name="Rett linje 25">
            <a:extLst>
              <a:ext uri="{FF2B5EF4-FFF2-40B4-BE49-F238E27FC236}">
                <a16:creationId xmlns:a16="http://schemas.microsoft.com/office/drawing/2014/main" id="{F5E072EB-6FCC-50C1-516A-538524734D9A}"/>
              </a:ext>
            </a:extLst>
          </p:cNvPr>
          <p:cNvCxnSpPr>
            <a:cxnSpLocks/>
          </p:cNvCxnSpPr>
          <p:nvPr userDrawn="1"/>
        </p:nvCxnSpPr>
        <p:spPr>
          <a:xfrm>
            <a:off x="1807010" y="47875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Rett linje 40">
            <a:extLst>
              <a:ext uri="{FF2B5EF4-FFF2-40B4-BE49-F238E27FC236}">
                <a16:creationId xmlns:a16="http://schemas.microsoft.com/office/drawing/2014/main" id="{2EB275D8-5351-4F3E-552B-2A3698B76831}"/>
              </a:ext>
            </a:extLst>
          </p:cNvPr>
          <p:cNvCxnSpPr>
            <a:cxnSpLocks/>
          </p:cNvCxnSpPr>
          <p:nvPr userDrawn="1"/>
        </p:nvCxnSpPr>
        <p:spPr>
          <a:xfrm>
            <a:off x="1807010" y="52066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Rett linje 41">
            <a:extLst>
              <a:ext uri="{FF2B5EF4-FFF2-40B4-BE49-F238E27FC236}">
                <a16:creationId xmlns:a16="http://schemas.microsoft.com/office/drawing/2014/main" id="{6FF298FB-F67D-4997-A807-D255AA72896F}"/>
              </a:ext>
            </a:extLst>
          </p:cNvPr>
          <p:cNvCxnSpPr>
            <a:cxnSpLocks/>
          </p:cNvCxnSpPr>
          <p:nvPr userDrawn="1"/>
        </p:nvCxnSpPr>
        <p:spPr>
          <a:xfrm>
            <a:off x="1807010" y="563523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4" name="TekstSylinder 43">
            <a:extLst>
              <a:ext uri="{FF2B5EF4-FFF2-40B4-BE49-F238E27FC236}">
                <a16:creationId xmlns:a16="http://schemas.microsoft.com/office/drawing/2014/main" id="{D4544379-1895-EF8F-3CE8-F5B90DC25DB6}"/>
              </a:ext>
            </a:extLst>
          </p:cNvPr>
          <p:cNvSpPr txBox="1"/>
          <p:nvPr userDrawn="1"/>
        </p:nvSpPr>
        <p:spPr>
          <a:xfrm>
            <a:off x="4254391" y="1353740"/>
            <a:ext cx="1771653" cy="27699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tx1"/>
                </a:solidFill>
                <a:latin typeface="Aptos" panose="020B0004020202020204" pitchFamily="34" charset="0"/>
              </a:rPr>
              <a:t>About the project</a:t>
            </a:r>
          </a:p>
        </p:txBody>
      </p:sp>
      <p:sp>
        <p:nvSpPr>
          <p:cNvPr id="47" name="Plassholder for innhold 2">
            <a:extLst>
              <a:ext uri="{FF2B5EF4-FFF2-40B4-BE49-F238E27FC236}">
                <a16:creationId xmlns:a16="http://schemas.microsoft.com/office/drawing/2014/main" id="{EF70380D-B785-2260-DA34-5A0F08A166A1}"/>
              </a:ext>
            </a:extLst>
          </p:cNvPr>
          <p:cNvSpPr>
            <a:spLocks noGrp="1"/>
          </p:cNvSpPr>
          <p:nvPr>
            <p:ph idx="38" hasCustomPrompt="1"/>
          </p:nvPr>
        </p:nvSpPr>
        <p:spPr>
          <a:xfrm>
            <a:off x="4254391" y="3530368"/>
            <a:ext cx="4275459" cy="2517090"/>
          </a:xfrm>
        </p:spPr>
        <p:txBody>
          <a:bodyPr>
            <a:noAutofit/>
          </a:bodyPr>
          <a:lstStyle>
            <a:lvl1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solidFill>
                  <a:schemeClr val="tx1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r>
              <a:rPr lang="nb-NO" dirty="0"/>
              <a:t>Klikk for å redigere tekst</a:t>
            </a:r>
          </a:p>
        </p:txBody>
      </p:sp>
      <p:sp>
        <p:nvSpPr>
          <p:cNvPr id="48" name="TekstSylinder 47">
            <a:extLst>
              <a:ext uri="{FF2B5EF4-FFF2-40B4-BE49-F238E27FC236}">
                <a16:creationId xmlns:a16="http://schemas.microsoft.com/office/drawing/2014/main" id="{DFBA4433-347B-C653-4B29-0ACED4147B80}"/>
              </a:ext>
            </a:extLst>
          </p:cNvPr>
          <p:cNvSpPr txBox="1"/>
          <p:nvPr userDrawn="1"/>
        </p:nvSpPr>
        <p:spPr>
          <a:xfrm>
            <a:off x="4254390" y="3283885"/>
            <a:ext cx="1771653" cy="27699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tx1"/>
                </a:solidFill>
                <a:latin typeface="Aptos" panose="020B0004020202020204" pitchFamily="34" charset="0"/>
              </a:rPr>
              <a:t>Our scope of work</a:t>
            </a:r>
          </a:p>
        </p:txBody>
      </p:sp>
      <p:sp>
        <p:nvSpPr>
          <p:cNvPr id="49" name="Plassholder for bilde 8">
            <a:extLst>
              <a:ext uri="{FF2B5EF4-FFF2-40B4-BE49-F238E27FC236}">
                <a16:creationId xmlns:a16="http://schemas.microsoft.com/office/drawing/2014/main" id="{E6B259FB-2F43-455F-D46F-2A775D4E69B9}"/>
              </a:ext>
            </a:extLst>
          </p:cNvPr>
          <p:cNvSpPr>
            <a:spLocks noGrp="1"/>
          </p:cNvSpPr>
          <p:nvPr>
            <p:ph type="pic" sz="quarter" idx="39" hasCustomPrompt="1"/>
          </p:nvPr>
        </p:nvSpPr>
        <p:spPr>
          <a:xfrm>
            <a:off x="8720919" y="3350871"/>
            <a:ext cx="2647280" cy="2684168"/>
          </a:xfrm>
          <a:prstGeom prst="roundRect">
            <a:avLst>
              <a:gd name="adj" fmla="val 4964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cxnSp>
        <p:nvCxnSpPr>
          <p:cNvPr id="53" name="Rett linje 52">
            <a:extLst>
              <a:ext uri="{FF2B5EF4-FFF2-40B4-BE49-F238E27FC236}">
                <a16:creationId xmlns:a16="http://schemas.microsoft.com/office/drawing/2014/main" id="{EE37323A-E9EE-C40A-5B8C-33D32D802C9F}"/>
              </a:ext>
            </a:extLst>
          </p:cNvPr>
          <p:cNvCxnSpPr>
            <a:cxnSpLocks/>
          </p:cNvCxnSpPr>
          <p:nvPr userDrawn="1"/>
        </p:nvCxnSpPr>
        <p:spPr>
          <a:xfrm>
            <a:off x="1807010" y="604746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" name="Bilde 2">
            <a:extLst>
              <a:ext uri="{FF2B5EF4-FFF2-40B4-BE49-F238E27FC236}">
                <a16:creationId xmlns:a16="http://schemas.microsoft.com/office/drawing/2014/main" id="{2A182E08-839A-7325-0CEC-33CF8A90B3E4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07916279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2 (NOR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e 2">
            <a:extLst>
              <a:ext uri="{FF2B5EF4-FFF2-40B4-BE49-F238E27FC236}">
                <a16:creationId xmlns:a16="http://schemas.microsoft.com/office/drawing/2014/main" id="{49A0B446-B6E3-5FD2-D0D8-C911E1B976F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3032232"/>
            <a:ext cx="12192000" cy="3825767"/>
          </a:xfrm>
          <a:prstGeom prst="roundRect">
            <a:avLst>
              <a:gd name="adj" fmla="val 0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2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r>
              <a:rPr lang="nb-NO" dirty="0"/>
              <a:t> 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38200" y="1440000"/>
            <a:ext cx="7243119" cy="138697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10515600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15" name="TekstSylinder 14">
            <a:extLst>
              <a:ext uri="{FF2B5EF4-FFF2-40B4-BE49-F238E27FC236}">
                <a16:creationId xmlns:a16="http://schemas.microsoft.com/office/drawing/2014/main" id="{8CE52A38-E2EF-03A4-7DC1-E599D4BA0251}"/>
              </a:ext>
            </a:extLst>
          </p:cNvPr>
          <p:cNvSpPr txBox="1"/>
          <p:nvPr userDrawn="1"/>
        </p:nvSpPr>
        <p:spPr>
          <a:xfrm>
            <a:off x="8211636" y="1437617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 dirty="0">
                <a:solidFill>
                  <a:schemeClr val="tx1"/>
                </a:solidFill>
                <a:latin typeface="Aptos" panose="020B0004020202020204" pitchFamily="34" charset="0"/>
              </a:rPr>
              <a:t>Kunde</a:t>
            </a:r>
          </a:p>
        </p:txBody>
      </p:sp>
      <p:sp>
        <p:nvSpPr>
          <p:cNvPr id="16" name="TekstSylinder 15">
            <a:extLst>
              <a:ext uri="{FF2B5EF4-FFF2-40B4-BE49-F238E27FC236}">
                <a16:creationId xmlns:a16="http://schemas.microsoft.com/office/drawing/2014/main" id="{553DE9F8-B042-262C-8519-321F3B5E0B03}"/>
              </a:ext>
            </a:extLst>
          </p:cNvPr>
          <p:cNvSpPr txBox="1"/>
          <p:nvPr userDrawn="1"/>
        </p:nvSpPr>
        <p:spPr>
          <a:xfrm>
            <a:off x="8211636" y="1861410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tx1"/>
                </a:solidFill>
                <a:latin typeface="Aptos" panose="020B0004020202020204" pitchFamily="34" charset="0"/>
              </a:rPr>
              <a:t>Lokasjon</a:t>
            </a:r>
          </a:p>
        </p:txBody>
      </p:sp>
      <p:sp>
        <p:nvSpPr>
          <p:cNvPr id="17" name="TekstSylinder 16">
            <a:extLst>
              <a:ext uri="{FF2B5EF4-FFF2-40B4-BE49-F238E27FC236}">
                <a16:creationId xmlns:a16="http://schemas.microsoft.com/office/drawing/2014/main" id="{EC4DF47F-C1D9-6389-5278-382D8C6D6FC9}"/>
              </a:ext>
            </a:extLst>
          </p:cNvPr>
          <p:cNvSpPr txBox="1"/>
          <p:nvPr userDrawn="1"/>
        </p:nvSpPr>
        <p:spPr>
          <a:xfrm>
            <a:off x="8211636" y="228520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tx1"/>
                </a:solidFill>
                <a:latin typeface="Aptos" panose="020B0004020202020204" pitchFamily="34" charset="0"/>
              </a:rPr>
              <a:t>Tidsperiode</a:t>
            </a:r>
          </a:p>
        </p:txBody>
      </p:sp>
      <p:sp>
        <p:nvSpPr>
          <p:cNvPr id="18" name="Plassholder for tekst 6">
            <a:extLst>
              <a:ext uri="{FF2B5EF4-FFF2-40B4-BE49-F238E27FC236}">
                <a16:creationId xmlns:a16="http://schemas.microsoft.com/office/drawing/2014/main" id="{F0A70BA6-B04B-5EDD-E931-4F238A049C1D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9326940" y="1437617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19" name="Plassholder for tekst 6">
            <a:extLst>
              <a:ext uri="{FF2B5EF4-FFF2-40B4-BE49-F238E27FC236}">
                <a16:creationId xmlns:a16="http://schemas.microsoft.com/office/drawing/2014/main" id="{4DD7287A-CFF7-4FBA-7166-3AA4D74FB221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9326940" y="1861410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20" name="Plassholder for tekst 6">
            <a:extLst>
              <a:ext uri="{FF2B5EF4-FFF2-40B4-BE49-F238E27FC236}">
                <a16:creationId xmlns:a16="http://schemas.microsoft.com/office/drawing/2014/main" id="{B291BF4F-1CA1-C2AF-F33E-A5617C76DA3F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9326940" y="2285204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26" name="Rett linje 25">
            <a:extLst>
              <a:ext uri="{FF2B5EF4-FFF2-40B4-BE49-F238E27FC236}">
                <a16:creationId xmlns:a16="http://schemas.microsoft.com/office/drawing/2014/main" id="{F5E072EB-6FCC-50C1-516A-538524734D9A}"/>
              </a:ext>
            </a:extLst>
          </p:cNvPr>
          <p:cNvCxnSpPr>
            <a:cxnSpLocks/>
          </p:cNvCxnSpPr>
          <p:nvPr userDrawn="1"/>
        </p:nvCxnSpPr>
        <p:spPr>
          <a:xfrm>
            <a:off x="9309426" y="1396522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Rett linje 40">
            <a:extLst>
              <a:ext uri="{FF2B5EF4-FFF2-40B4-BE49-F238E27FC236}">
                <a16:creationId xmlns:a16="http://schemas.microsoft.com/office/drawing/2014/main" id="{2EB275D8-5351-4F3E-552B-2A3698B76831}"/>
              </a:ext>
            </a:extLst>
          </p:cNvPr>
          <p:cNvCxnSpPr>
            <a:cxnSpLocks/>
          </p:cNvCxnSpPr>
          <p:nvPr userDrawn="1"/>
        </p:nvCxnSpPr>
        <p:spPr>
          <a:xfrm>
            <a:off x="9309426" y="1815622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Rett linje 41">
            <a:extLst>
              <a:ext uri="{FF2B5EF4-FFF2-40B4-BE49-F238E27FC236}">
                <a16:creationId xmlns:a16="http://schemas.microsoft.com/office/drawing/2014/main" id="{6FF298FB-F67D-4997-A807-D255AA72896F}"/>
              </a:ext>
            </a:extLst>
          </p:cNvPr>
          <p:cNvCxnSpPr>
            <a:cxnSpLocks/>
          </p:cNvCxnSpPr>
          <p:nvPr userDrawn="1"/>
        </p:nvCxnSpPr>
        <p:spPr>
          <a:xfrm>
            <a:off x="9309426" y="2244247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Rett linje 52">
            <a:extLst>
              <a:ext uri="{FF2B5EF4-FFF2-40B4-BE49-F238E27FC236}">
                <a16:creationId xmlns:a16="http://schemas.microsoft.com/office/drawing/2014/main" id="{EE37323A-E9EE-C40A-5B8C-33D32D802C9F}"/>
              </a:ext>
            </a:extLst>
          </p:cNvPr>
          <p:cNvCxnSpPr>
            <a:cxnSpLocks/>
          </p:cNvCxnSpPr>
          <p:nvPr userDrawn="1"/>
        </p:nvCxnSpPr>
        <p:spPr>
          <a:xfrm>
            <a:off x="9309426" y="2656477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627239355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2 (ENG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Bilde 2">
            <a:extLst>
              <a:ext uri="{FF2B5EF4-FFF2-40B4-BE49-F238E27FC236}">
                <a16:creationId xmlns:a16="http://schemas.microsoft.com/office/drawing/2014/main" id="{C6AE2864-F793-824B-0459-FBB1AE6C954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3032232"/>
            <a:ext cx="12192000" cy="3825767"/>
          </a:xfrm>
          <a:prstGeom prst="roundRect">
            <a:avLst>
              <a:gd name="adj" fmla="val 0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2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r>
              <a:rPr lang="nb-NO" dirty="0"/>
              <a:t> 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38200" y="1440000"/>
            <a:ext cx="7243119" cy="1386970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10515600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15" name="TekstSylinder 14">
            <a:extLst>
              <a:ext uri="{FF2B5EF4-FFF2-40B4-BE49-F238E27FC236}">
                <a16:creationId xmlns:a16="http://schemas.microsoft.com/office/drawing/2014/main" id="{8CE52A38-E2EF-03A4-7DC1-E599D4BA0251}"/>
              </a:ext>
            </a:extLst>
          </p:cNvPr>
          <p:cNvSpPr txBox="1"/>
          <p:nvPr userDrawn="1"/>
        </p:nvSpPr>
        <p:spPr>
          <a:xfrm>
            <a:off x="8211636" y="1437617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tx1"/>
                </a:solidFill>
                <a:latin typeface="Aptos" panose="020B0004020202020204" pitchFamily="34" charset="0"/>
              </a:rPr>
              <a:t>Client</a:t>
            </a:r>
          </a:p>
        </p:txBody>
      </p:sp>
      <p:sp>
        <p:nvSpPr>
          <p:cNvPr id="16" name="TekstSylinder 15">
            <a:extLst>
              <a:ext uri="{FF2B5EF4-FFF2-40B4-BE49-F238E27FC236}">
                <a16:creationId xmlns:a16="http://schemas.microsoft.com/office/drawing/2014/main" id="{553DE9F8-B042-262C-8519-321F3B5E0B03}"/>
              </a:ext>
            </a:extLst>
          </p:cNvPr>
          <p:cNvSpPr txBox="1"/>
          <p:nvPr userDrawn="1"/>
        </p:nvSpPr>
        <p:spPr>
          <a:xfrm>
            <a:off x="8211636" y="1861410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tx1"/>
                </a:solidFill>
                <a:latin typeface="Aptos" panose="020B0004020202020204" pitchFamily="34" charset="0"/>
              </a:rPr>
              <a:t>Location</a:t>
            </a:r>
          </a:p>
        </p:txBody>
      </p:sp>
      <p:sp>
        <p:nvSpPr>
          <p:cNvPr id="17" name="TekstSylinder 16">
            <a:extLst>
              <a:ext uri="{FF2B5EF4-FFF2-40B4-BE49-F238E27FC236}">
                <a16:creationId xmlns:a16="http://schemas.microsoft.com/office/drawing/2014/main" id="{EC4DF47F-C1D9-6389-5278-382D8C6D6FC9}"/>
              </a:ext>
            </a:extLst>
          </p:cNvPr>
          <p:cNvSpPr txBox="1"/>
          <p:nvPr userDrawn="1"/>
        </p:nvSpPr>
        <p:spPr>
          <a:xfrm>
            <a:off x="8211636" y="228520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tx1"/>
                </a:solidFill>
                <a:latin typeface="Aptos" panose="020B0004020202020204" pitchFamily="34" charset="0"/>
              </a:rPr>
              <a:t>Time period</a:t>
            </a:r>
          </a:p>
        </p:txBody>
      </p:sp>
      <p:sp>
        <p:nvSpPr>
          <p:cNvPr id="18" name="Plassholder for tekst 6">
            <a:extLst>
              <a:ext uri="{FF2B5EF4-FFF2-40B4-BE49-F238E27FC236}">
                <a16:creationId xmlns:a16="http://schemas.microsoft.com/office/drawing/2014/main" id="{F0A70BA6-B04B-5EDD-E931-4F238A049C1D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9326940" y="1437617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19" name="Plassholder for tekst 6">
            <a:extLst>
              <a:ext uri="{FF2B5EF4-FFF2-40B4-BE49-F238E27FC236}">
                <a16:creationId xmlns:a16="http://schemas.microsoft.com/office/drawing/2014/main" id="{4DD7287A-CFF7-4FBA-7166-3AA4D74FB221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9326940" y="1861410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20" name="Plassholder for tekst 6">
            <a:extLst>
              <a:ext uri="{FF2B5EF4-FFF2-40B4-BE49-F238E27FC236}">
                <a16:creationId xmlns:a16="http://schemas.microsoft.com/office/drawing/2014/main" id="{B291BF4F-1CA1-C2AF-F33E-A5617C76DA3F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9326940" y="2285204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26" name="Rett linje 25">
            <a:extLst>
              <a:ext uri="{FF2B5EF4-FFF2-40B4-BE49-F238E27FC236}">
                <a16:creationId xmlns:a16="http://schemas.microsoft.com/office/drawing/2014/main" id="{F5E072EB-6FCC-50C1-516A-538524734D9A}"/>
              </a:ext>
            </a:extLst>
          </p:cNvPr>
          <p:cNvCxnSpPr>
            <a:cxnSpLocks/>
          </p:cNvCxnSpPr>
          <p:nvPr userDrawn="1"/>
        </p:nvCxnSpPr>
        <p:spPr>
          <a:xfrm>
            <a:off x="9309426" y="1396522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1" name="Rett linje 40">
            <a:extLst>
              <a:ext uri="{FF2B5EF4-FFF2-40B4-BE49-F238E27FC236}">
                <a16:creationId xmlns:a16="http://schemas.microsoft.com/office/drawing/2014/main" id="{2EB275D8-5351-4F3E-552B-2A3698B76831}"/>
              </a:ext>
            </a:extLst>
          </p:cNvPr>
          <p:cNvCxnSpPr>
            <a:cxnSpLocks/>
          </p:cNvCxnSpPr>
          <p:nvPr userDrawn="1"/>
        </p:nvCxnSpPr>
        <p:spPr>
          <a:xfrm>
            <a:off x="9309426" y="1815622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Rett linje 41">
            <a:extLst>
              <a:ext uri="{FF2B5EF4-FFF2-40B4-BE49-F238E27FC236}">
                <a16:creationId xmlns:a16="http://schemas.microsoft.com/office/drawing/2014/main" id="{6FF298FB-F67D-4997-A807-D255AA72896F}"/>
              </a:ext>
            </a:extLst>
          </p:cNvPr>
          <p:cNvCxnSpPr>
            <a:cxnSpLocks/>
          </p:cNvCxnSpPr>
          <p:nvPr userDrawn="1"/>
        </p:nvCxnSpPr>
        <p:spPr>
          <a:xfrm>
            <a:off x="9309426" y="2244247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Rett linje 52">
            <a:extLst>
              <a:ext uri="{FF2B5EF4-FFF2-40B4-BE49-F238E27FC236}">
                <a16:creationId xmlns:a16="http://schemas.microsoft.com/office/drawing/2014/main" id="{EE37323A-E9EE-C40A-5B8C-33D32D802C9F}"/>
              </a:ext>
            </a:extLst>
          </p:cNvPr>
          <p:cNvCxnSpPr>
            <a:cxnSpLocks/>
          </p:cNvCxnSpPr>
          <p:nvPr userDrawn="1"/>
        </p:nvCxnSpPr>
        <p:spPr>
          <a:xfrm>
            <a:off x="9309426" y="2656477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81641102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3 (NOR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Bilde 2">
            <a:extLst>
              <a:ext uri="{FF2B5EF4-FFF2-40B4-BE49-F238E27FC236}">
                <a16:creationId xmlns:a16="http://schemas.microsoft.com/office/drawing/2014/main" id="{AE0BA14D-5C76-E4BD-F804-FAD12C20F35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oundRect">
            <a:avLst>
              <a:gd name="adj" fmla="val 0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2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r>
              <a:rPr lang="nb-NO" dirty="0"/>
              <a:t> 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38200" y="1440000"/>
            <a:ext cx="5123934" cy="3166501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5123935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3" name="TekstSylinder 14">
            <a:extLst>
              <a:ext uri="{FF2B5EF4-FFF2-40B4-BE49-F238E27FC236}">
                <a16:creationId xmlns:a16="http://schemas.microsoft.com/office/drawing/2014/main" id="{BF3BCEB8-29E3-EAC5-555B-85C88F475378}"/>
              </a:ext>
            </a:extLst>
          </p:cNvPr>
          <p:cNvSpPr txBox="1"/>
          <p:nvPr userDrawn="1"/>
        </p:nvSpPr>
        <p:spPr>
          <a:xfrm>
            <a:off x="838200" y="5028901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 dirty="0">
                <a:solidFill>
                  <a:schemeClr val="tx1"/>
                </a:solidFill>
                <a:latin typeface="Aptos" panose="020B0004020202020204" pitchFamily="34" charset="0"/>
              </a:rPr>
              <a:t>Kunde</a:t>
            </a:r>
          </a:p>
        </p:txBody>
      </p:sp>
      <p:sp>
        <p:nvSpPr>
          <p:cNvPr id="4" name="TekstSylinder 15">
            <a:extLst>
              <a:ext uri="{FF2B5EF4-FFF2-40B4-BE49-F238E27FC236}">
                <a16:creationId xmlns:a16="http://schemas.microsoft.com/office/drawing/2014/main" id="{87591440-A861-9F5B-EAB5-77511E29704E}"/>
              </a:ext>
            </a:extLst>
          </p:cNvPr>
          <p:cNvSpPr txBox="1"/>
          <p:nvPr userDrawn="1"/>
        </p:nvSpPr>
        <p:spPr>
          <a:xfrm>
            <a:off x="838200" y="545269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tx1"/>
                </a:solidFill>
                <a:latin typeface="Aptos" panose="020B0004020202020204" pitchFamily="34" charset="0"/>
              </a:rPr>
              <a:t>Lokasjon</a:t>
            </a:r>
          </a:p>
        </p:txBody>
      </p:sp>
      <p:sp>
        <p:nvSpPr>
          <p:cNvPr id="5" name="TekstSylinder 16">
            <a:extLst>
              <a:ext uri="{FF2B5EF4-FFF2-40B4-BE49-F238E27FC236}">
                <a16:creationId xmlns:a16="http://schemas.microsoft.com/office/drawing/2014/main" id="{F290C593-FF37-FD90-83D7-B9B587809C04}"/>
              </a:ext>
            </a:extLst>
          </p:cNvPr>
          <p:cNvSpPr txBox="1"/>
          <p:nvPr userDrawn="1"/>
        </p:nvSpPr>
        <p:spPr>
          <a:xfrm>
            <a:off x="838200" y="5876488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nb-NO" sz="1200" b="1">
                <a:solidFill>
                  <a:schemeClr val="tx1"/>
                </a:solidFill>
                <a:latin typeface="Aptos" panose="020B0004020202020204" pitchFamily="34" charset="0"/>
              </a:rPr>
              <a:t>Tidsperiode</a:t>
            </a:r>
          </a:p>
        </p:txBody>
      </p:sp>
      <p:sp>
        <p:nvSpPr>
          <p:cNvPr id="8" name="Plassholder for tekst 6">
            <a:extLst>
              <a:ext uri="{FF2B5EF4-FFF2-40B4-BE49-F238E27FC236}">
                <a16:creationId xmlns:a16="http://schemas.microsoft.com/office/drawing/2014/main" id="{2CB9C692-40C2-353B-B7F0-F89CB66B8B56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1953504" y="5028901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9" name="Plassholder for tekst 6">
            <a:extLst>
              <a:ext uri="{FF2B5EF4-FFF2-40B4-BE49-F238E27FC236}">
                <a16:creationId xmlns:a16="http://schemas.microsoft.com/office/drawing/2014/main" id="{0D801485-4696-4F7F-7E85-5441F2ABCE74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1953504" y="5452694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10" name="Plassholder for tekst 6">
            <a:extLst>
              <a:ext uri="{FF2B5EF4-FFF2-40B4-BE49-F238E27FC236}">
                <a16:creationId xmlns:a16="http://schemas.microsoft.com/office/drawing/2014/main" id="{0A3CF51F-CE91-C97C-7EA4-E7186D9AF5F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953504" y="5876488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12" name="Rett linje 25">
            <a:extLst>
              <a:ext uri="{FF2B5EF4-FFF2-40B4-BE49-F238E27FC236}">
                <a16:creationId xmlns:a16="http://schemas.microsoft.com/office/drawing/2014/main" id="{9A9D6382-080C-9F68-FF7E-54B2C77ABB8D}"/>
              </a:ext>
            </a:extLst>
          </p:cNvPr>
          <p:cNvCxnSpPr>
            <a:cxnSpLocks/>
          </p:cNvCxnSpPr>
          <p:nvPr userDrawn="1"/>
        </p:nvCxnSpPr>
        <p:spPr>
          <a:xfrm>
            <a:off x="1935990" y="49878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Rett linje 40">
            <a:extLst>
              <a:ext uri="{FF2B5EF4-FFF2-40B4-BE49-F238E27FC236}">
                <a16:creationId xmlns:a16="http://schemas.microsoft.com/office/drawing/2014/main" id="{FA0B4AAF-2891-1DFD-6DC7-5A62CC0C84AA}"/>
              </a:ext>
            </a:extLst>
          </p:cNvPr>
          <p:cNvCxnSpPr>
            <a:cxnSpLocks/>
          </p:cNvCxnSpPr>
          <p:nvPr userDrawn="1"/>
        </p:nvCxnSpPr>
        <p:spPr>
          <a:xfrm>
            <a:off x="1935990" y="54069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Rett linje 41">
            <a:extLst>
              <a:ext uri="{FF2B5EF4-FFF2-40B4-BE49-F238E27FC236}">
                <a16:creationId xmlns:a16="http://schemas.microsoft.com/office/drawing/2014/main" id="{F749D22B-869E-D148-CFF8-1CFE43D9B9DE}"/>
              </a:ext>
            </a:extLst>
          </p:cNvPr>
          <p:cNvCxnSpPr>
            <a:cxnSpLocks/>
          </p:cNvCxnSpPr>
          <p:nvPr userDrawn="1"/>
        </p:nvCxnSpPr>
        <p:spPr>
          <a:xfrm>
            <a:off x="1935990" y="583553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Rett linje 52">
            <a:extLst>
              <a:ext uri="{FF2B5EF4-FFF2-40B4-BE49-F238E27FC236}">
                <a16:creationId xmlns:a16="http://schemas.microsoft.com/office/drawing/2014/main" id="{31B24B6F-7EBB-1624-56D1-6F084AD78259}"/>
              </a:ext>
            </a:extLst>
          </p:cNvPr>
          <p:cNvCxnSpPr>
            <a:cxnSpLocks/>
          </p:cNvCxnSpPr>
          <p:nvPr userDrawn="1"/>
        </p:nvCxnSpPr>
        <p:spPr>
          <a:xfrm>
            <a:off x="1935990" y="624776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83058427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llom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ssholder for bilde 6">
            <a:extLst>
              <a:ext uri="{FF2B5EF4-FFF2-40B4-BE49-F238E27FC236}">
                <a16:creationId xmlns:a16="http://schemas.microsoft.com/office/drawing/2014/main" id="{B74CB703-39D3-7675-1101-34100DC35A39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2361063"/>
            <a:ext cx="12192000" cy="4496937"/>
          </a:xfrm>
        </p:spPr>
        <p:txBody>
          <a:bodyPr anchor="ctr"/>
          <a:lstStyle>
            <a:lvl1pPr marL="0" indent="0" algn="ctr">
              <a:buNone/>
              <a:defRPr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endParaRPr lang="nb-NO" dirty="0"/>
          </a:p>
          <a:p>
            <a:endParaRPr lang="nb-NO" dirty="0"/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1DDC5DD6-7423-8B16-73AC-BE35C6F0D9B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9" name="Bilde 8">
            <a:extLst>
              <a:ext uri="{FF2B5EF4-FFF2-40B4-BE49-F238E27FC236}">
                <a16:creationId xmlns:a16="http://schemas.microsoft.com/office/drawing/2014/main" id="{A40F2D09-9444-11A9-54E7-6B55391280A7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  <p:sp>
        <p:nvSpPr>
          <p:cNvPr id="8" name="Tittel 1">
            <a:extLst>
              <a:ext uri="{FF2B5EF4-FFF2-40B4-BE49-F238E27FC236}">
                <a16:creationId xmlns:a16="http://schemas.microsoft.com/office/drawing/2014/main" id="{653CA80E-1E7D-073D-B788-161DC1D45D3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97256" y="361508"/>
            <a:ext cx="10516738" cy="1529372"/>
          </a:xfrm>
        </p:spPr>
        <p:txBody>
          <a:bodyPr anchor="t">
            <a:noAutofit/>
          </a:bodyPr>
          <a:lstStyle>
            <a:lvl1pPr algn="l">
              <a:defRPr sz="4400">
                <a:solidFill>
                  <a:schemeClr val="bg2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for å redigere tittel</a:t>
            </a:r>
          </a:p>
        </p:txBody>
      </p:sp>
    </p:spTree>
    <p:extLst>
      <p:ext uri="{BB962C8B-B14F-4D97-AF65-F5344CB8AC3E}">
        <p14:creationId xmlns:p14="http://schemas.microsoft.com/office/powerpoint/2010/main" val="16851520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3 (ENG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Bilde 2">
            <a:extLst>
              <a:ext uri="{FF2B5EF4-FFF2-40B4-BE49-F238E27FC236}">
                <a16:creationId xmlns:a16="http://schemas.microsoft.com/office/drawing/2014/main" id="{7E0B74EA-A3DA-699F-7116-1BB2822733C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oundRect">
            <a:avLst>
              <a:gd name="adj" fmla="val 0"/>
            </a:avLst>
          </a:prstGeom>
        </p:spPr>
        <p:txBody>
          <a:bodyPr anchor="ctr">
            <a:normAutofit/>
          </a:bodyPr>
          <a:lstStyle>
            <a:lvl1pPr marL="0" indent="0" algn="ctr">
              <a:buNone/>
              <a:defRPr sz="24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for å legge til et bilde</a:t>
            </a:r>
          </a:p>
          <a:p>
            <a:r>
              <a:rPr lang="nb-NO" dirty="0"/>
              <a:t> 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38200" y="1440000"/>
            <a:ext cx="5123934" cy="3166501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 marL="4572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2pPr>
            <a:lvl3pPr marL="9144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3pPr>
            <a:lvl4pPr marL="13716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4pPr>
            <a:lvl5pPr marL="1828800" indent="0">
              <a:buFont typeface="Arial" panose="020B0604020202020204" pitchFamily="34" charset="0"/>
              <a:buNone/>
              <a:defRPr sz="2000">
                <a:solidFill>
                  <a:schemeClr val="bg2"/>
                </a:solidFill>
                <a:latin typeface="+mn-lt"/>
              </a:defRPr>
            </a:lvl5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tx2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redigere tekst</a:t>
            </a:r>
          </a:p>
        </p:txBody>
      </p:sp>
      <p:sp>
        <p:nvSpPr>
          <p:cNvPr id="7" name="Tittel 1">
            <a:extLst>
              <a:ext uri="{FF2B5EF4-FFF2-40B4-BE49-F238E27FC236}">
                <a16:creationId xmlns:a16="http://schemas.microsoft.com/office/drawing/2014/main" id="{22260096-998A-33C4-5A2B-37D79E6596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5123935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/>
              <a:t>Prosjektnavn</a:t>
            </a:r>
          </a:p>
        </p:txBody>
      </p:sp>
      <p:sp>
        <p:nvSpPr>
          <p:cNvPr id="3" name="TekstSylinder 14">
            <a:extLst>
              <a:ext uri="{FF2B5EF4-FFF2-40B4-BE49-F238E27FC236}">
                <a16:creationId xmlns:a16="http://schemas.microsoft.com/office/drawing/2014/main" id="{BF3BCEB8-29E3-EAC5-555B-85C88F475378}"/>
              </a:ext>
            </a:extLst>
          </p:cNvPr>
          <p:cNvSpPr txBox="1"/>
          <p:nvPr userDrawn="1"/>
        </p:nvSpPr>
        <p:spPr>
          <a:xfrm>
            <a:off x="838200" y="5028901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tx1"/>
                </a:solidFill>
                <a:latin typeface="Aptos" panose="020B0004020202020204" pitchFamily="34" charset="0"/>
              </a:rPr>
              <a:t>Client</a:t>
            </a:r>
          </a:p>
        </p:txBody>
      </p:sp>
      <p:sp>
        <p:nvSpPr>
          <p:cNvPr id="4" name="TekstSylinder 15">
            <a:extLst>
              <a:ext uri="{FF2B5EF4-FFF2-40B4-BE49-F238E27FC236}">
                <a16:creationId xmlns:a16="http://schemas.microsoft.com/office/drawing/2014/main" id="{87591440-A861-9F5B-EAB5-77511E29704E}"/>
              </a:ext>
            </a:extLst>
          </p:cNvPr>
          <p:cNvSpPr txBox="1"/>
          <p:nvPr userDrawn="1"/>
        </p:nvSpPr>
        <p:spPr>
          <a:xfrm>
            <a:off x="838200" y="5452694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tx1"/>
                </a:solidFill>
                <a:latin typeface="Aptos" panose="020B0004020202020204" pitchFamily="34" charset="0"/>
              </a:rPr>
              <a:t>Location</a:t>
            </a:r>
          </a:p>
        </p:txBody>
      </p:sp>
      <p:sp>
        <p:nvSpPr>
          <p:cNvPr id="5" name="TekstSylinder 16">
            <a:extLst>
              <a:ext uri="{FF2B5EF4-FFF2-40B4-BE49-F238E27FC236}">
                <a16:creationId xmlns:a16="http://schemas.microsoft.com/office/drawing/2014/main" id="{F290C593-FF37-FD90-83D7-B9B587809C04}"/>
              </a:ext>
            </a:extLst>
          </p:cNvPr>
          <p:cNvSpPr txBox="1"/>
          <p:nvPr userDrawn="1"/>
        </p:nvSpPr>
        <p:spPr>
          <a:xfrm>
            <a:off x="838200" y="5876488"/>
            <a:ext cx="1098000" cy="334800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r>
              <a:rPr lang="en-GB" sz="1200" b="1" noProof="0" dirty="0">
                <a:solidFill>
                  <a:schemeClr val="tx1"/>
                </a:solidFill>
                <a:latin typeface="Aptos" panose="020B0004020202020204" pitchFamily="34" charset="0"/>
              </a:rPr>
              <a:t>Time period</a:t>
            </a:r>
          </a:p>
        </p:txBody>
      </p:sp>
      <p:sp>
        <p:nvSpPr>
          <p:cNvPr id="8" name="Plassholder for tekst 6">
            <a:extLst>
              <a:ext uri="{FF2B5EF4-FFF2-40B4-BE49-F238E27FC236}">
                <a16:creationId xmlns:a16="http://schemas.microsoft.com/office/drawing/2014/main" id="{2CB9C692-40C2-353B-B7F0-F89CB66B8B56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1953504" y="5028901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 dirty="0"/>
              <a:t>Klikk for å legge til tekst	</a:t>
            </a:r>
          </a:p>
        </p:txBody>
      </p:sp>
      <p:sp>
        <p:nvSpPr>
          <p:cNvPr id="9" name="Plassholder for tekst 6">
            <a:extLst>
              <a:ext uri="{FF2B5EF4-FFF2-40B4-BE49-F238E27FC236}">
                <a16:creationId xmlns:a16="http://schemas.microsoft.com/office/drawing/2014/main" id="{0D801485-4696-4F7F-7E85-5441F2ABCE74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1953504" y="5452694"/>
            <a:ext cx="2026860" cy="335425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10" name="Plassholder for tekst 6">
            <a:extLst>
              <a:ext uri="{FF2B5EF4-FFF2-40B4-BE49-F238E27FC236}">
                <a16:creationId xmlns:a16="http://schemas.microsoft.com/office/drawing/2014/main" id="{0A3CF51F-CE91-C97C-7EA4-E7186D9AF5F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1953504" y="5876488"/>
            <a:ext cx="2026860" cy="334800"/>
          </a:xfrm>
        </p:spPr>
        <p:txBody>
          <a:bodyPr anchor="ctr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cxnSp>
        <p:nvCxnSpPr>
          <p:cNvPr id="12" name="Rett linje 25">
            <a:extLst>
              <a:ext uri="{FF2B5EF4-FFF2-40B4-BE49-F238E27FC236}">
                <a16:creationId xmlns:a16="http://schemas.microsoft.com/office/drawing/2014/main" id="{9A9D6382-080C-9F68-FF7E-54B2C77ABB8D}"/>
              </a:ext>
            </a:extLst>
          </p:cNvPr>
          <p:cNvCxnSpPr>
            <a:cxnSpLocks/>
          </p:cNvCxnSpPr>
          <p:nvPr userDrawn="1"/>
        </p:nvCxnSpPr>
        <p:spPr>
          <a:xfrm>
            <a:off x="1935990" y="49878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Rett linje 40">
            <a:extLst>
              <a:ext uri="{FF2B5EF4-FFF2-40B4-BE49-F238E27FC236}">
                <a16:creationId xmlns:a16="http://schemas.microsoft.com/office/drawing/2014/main" id="{FA0B4AAF-2891-1DFD-6DC7-5A62CC0C84AA}"/>
              </a:ext>
            </a:extLst>
          </p:cNvPr>
          <p:cNvCxnSpPr>
            <a:cxnSpLocks/>
          </p:cNvCxnSpPr>
          <p:nvPr userDrawn="1"/>
        </p:nvCxnSpPr>
        <p:spPr>
          <a:xfrm>
            <a:off x="1935990" y="5406906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Rett linje 41">
            <a:extLst>
              <a:ext uri="{FF2B5EF4-FFF2-40B4-BE49-F238E27FC236}">
                <a16:creationId xmlns:a16="http://schemas.microsoft.com/office/drawing/2014/main" id="{F749D22B-869E-D148-CFF8-1CFE43D9B9DE}"/>
              </a:ext>
            </a:extLst>
          </p:cNvPr>
          <p:cNvCxnSpPr>
            <a:cxnSpLocks/>
          </p:cNvCxnSpPr>
          <p:nvPr userDrawn="1"/>
        </p:nvCxnSpPr>
        <p:spPr>
          <a:xfrm>
            <a:off x="1935990" y="583553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Rett linje 52">
            <a:extLst>
              <a:ext uri="{FF2B5EF4-FFF2-40B4-BE49-F238E27FC236}">
                <a16:creationId xmlns:a16="http://schemas.microsoft.com/office/drawing/2014/main" id="{31B24B6F-7EBB-1624-56D1-6F084AD78259}"/>
              </a:ext>
            </a:extLst>
          </p:cNvPr>
          <p:cNvCxnSpPr>
            <a:cxnSpLocks/>
          </p:cNvCxnSpPr>
          <p:nvPr userDrawn="1"/>
        </p:nvCxnSpPr>
        <p:spPr>
          <a:xfrm>
            <a:off x="1935990" y="6247761"/>
            <a:ext cx="2051116" cy="0"/>
          </a:xfrm>
          <a:prstGeom prst="line">
            <a:avLst/>
          </a:prstGeom>
          <a:ln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957869180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edragsho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7" name="Tittel 1">
            <a:extLst>
              <a:ext uri="{FF2B5EF4-FFF2-40B4-BE49-F238E27FC236}">
                <a16:creationId xmlns:a16="http://schemas.microsoft.com/office/drawing/2014/main" id="{C6CA6EF6-969E-32D2-F3C2-44B99BFE0F0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416371"/>
            <a:ext cx="10515600" cy="946800"/>
          </a:xfrm>
        </p:spPr>
        <p:txBody>
          <a:bodyPr anchor="t">
            <a:noAutofit/>
          </a:bodyPr>
          <a:lstStyle>
            <a:lvl1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Om foredragsholder</a:t>
            </a:r>
          </a:p>
        </p:txBody>
      </p:sp>
      <p:sp>
        <p:nvSpPr>
          <p:cNvPr id="8" name="Plassholder for bilde 8">
            <a:extLst>
              <a:ext uri="{FF2B5EF4-FFF2-40B4-BE49-F238E27FC236}">
                <a16:creationId xmlns:a16="http://schemas.microsoft.com/office/drawing/2014/main" id="{295FE7D5-DCFA-A2F7-3868-C1754FB29B4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838200" y="1442545"/>
            <a:ext cx="3019926" cy="3136214"/>
          </a:xfrm>
          <a:prstGeom prst="roundRect">
            <a:avLst>
              <a:gd name="adj" fmla="val 4964"/>
            </a:avLst>
          </a:prstGeom>
          <a:noFill/>
        </p:spPr>
        <p:txBody>
          <a:bodyPr anchor="ctr">
            <a:normAutofit/>
          </a:bodyPr>
          <a:lstStyle>
            <a:lvl1pPr marL="0" indent="0" algn="ctr">
              <a:buNone/>
              <a:defRPr sz="16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r>
              <a:rPr lang="nb-NO" dirty="0"/>
              <a:t>Klikk på ikonet </a:t>
            </a:r>
            <a:br>
              <a:rPr lang="nb-NO" dirty="0"/>
            </a:br>
            <a:r>
              <a:rPr lang="nb-NO" dirty="0"/>
              <a:t>for å legge til et bilde</a:t>
            </a:r>
          </a:p>
          <a:p>
            <a:endParaRPr lang="nb-NO" dirty="0"/>
          </a:p>
          <a:p>
            <a:endParaRPr lang="nb-NO" dirty="0"/>
          </a:p>
        </p:txBody>
      </p:sp>
      <p:sp>
        <p:nvSpPr>
          <p:cNvPr id="9" name="Plassholder for innhold 3">
            <a:extLst>
              <a:ext uri="{FF2B5EF4-FFF2-40B4-BE49-F238E27FC236}">
                <a16:creationId xmlns:a16="http://schemas.microsoft.com/office/drawing/2014/main" id="{9CA5ED19-FC3C-3A32-5BF7-324A4D3A1693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39988" y="1442545"/>
            <a:ext cx="7013814" cy="4604901"/>
          </a:xfrm>
        </p:spPr>
        <p:txBody>
          <a:bodyPr>
            <a:noAutofit/>
          </a:bodyPr>
          <a:lstStyle>
            <a:lvl1pPr marL="342900" indent="-342900"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  <a:latin typeface="Aptos" panose="020B0004020202020204" pitchFamily="34" charset="0"/>
              </a:defRPr>
            </a:lvl1pPr>
            <a:lvl2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2pPr>
            <a:lvl3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3pPr>
            <a:lvl4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4pPr>
            <a:lvl5pPr>
              <a:defRPr>
                <a:solidFill>
                  <a:schemeClr val="tx1"/>
                </a:solidFill>
                <a:latin typeface="Aptos" panose="020B0004020202020204" pitchFamily="34" charset="0"/>
              </a:defRPr>
            </a:lvl5pPr>
          </a:lstStyle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15" name="Plassholder for tekst 6">
            <a:extLst>
              <a:ext uri="{FF2B5EF4-FFF2-40B4-BE49-F238E27FC236}">
                <a16:creationId xmlns:a16="http://schemas.microsoft.com/office/drawing/2014/main" id="{9D160BB7-D4F8-62A8-A097-3948333F3D5A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838200" y="5201836"/>
            <a:ext cx="3019926" cy="845610"/>
          </a:xfrm>
        </p:spPr>
        <p:txBody>
          <a:bodyPr anchor="t">
            <a:noAutofit/>
          </a:bodyPr>
          <a:lstStyle>
            <a:lvl1pPr marL="0" indent="0">
              <a:buNone/>
              <a:defRPr sz="1200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likk for å legge til tekst	</a:t>
            </a:r>
          </a:p>
        </p:txBody>
      </p:sp>
      <p:sp>
        <p:nvSpPr>
          <p:cNvPr id="26" name="Plassholder for tekst 6">
            <a:extLst>
              <a:ext uri="{FF2B5EF4-FFF2-40B4-BE49-F238E27FC236}">
                <a16:creationId xmlns:a16="http://schemas.microsoft.com/office/drawing/2014/main" id="{5704CB11-B115-1235-25B3-997F3526E540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838200" y="4887938"/>
            <a:ext cx="3019926" cy="313898"/>
          </a:xfrm>
        </p:spPr>
        <p:txBody>
          <a:bodyPr anchor="t">
            <a:noAutofit/>
          </a:bodyPr>
          <a:lstStyle>
            <a:lvl1pPr marL="0" indent="0">
              <a:buNone/>
              <a:defRPr sz="1600" b="1">
                <a:solidFill>
                  <a:schemeClr val="tx1"/>
                </a:solidFill>
                <a:latin typeface="Aptos" panose="020B0004020202020204" pitchFamily="34" charset="0"/>
              </a:defRPr>
            </a:lvl1pPr>
          </a:lstStyle>
          <a:p>
            <a:pPr lvl="0"/>
            <a:r>
              <a:rPr lang="nb-NO"/>
              <a:t>Kontaktperson</a:t>
            </a:r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E01A74F8-28CB-3404-A59B-9BA2988B409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0469907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ting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de 3">
            <a:extLst>
              <a:ext uri="{FF2B5EF4-FFF2-40B4-BE49-F238E27FC236}">
                <a16:creationId xmlns:a16="http://schemas.microsoft.com/office/drawing/2014/main" id="{D0DD72CF-8B80-D229-8DB4-6EB43F0B4A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3" name="Bilde 2">
            <a:extLst>
              <a:ext uri="{FF2B5EF4-FFF2-40B4-BE49-F238E27FC236}">
                <a16:creationId xmlns:a16="http://schemas.microsoft.com/office/drawing/2014/main" id="{83AD9E85-F60E-18CE-37D9-42A57415FD23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052683" y="2419096"/>
            <a:ext cx="6086634" cy="20167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5897185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59.xml"/><Relationship Id="rId18" Type="http://schemas.openxmlformats.org/officeDocument/2006/relationships/slideLayout" Target="../slideLayouts/slideLayout64.xml"/><Relationship Id="rId26" Type="http://schemas.openxmlformats.org/officeDocument/2006/relationships/slideLayout" Target="../slideLayouts/slideLayout72.xml"/><Relationship Id="rId39" Type="http://schemas.openxmlformats.org/officeDocument/2006/relationships/slideLayout" Target="../slideLayouts/slideLayout85.xml"/><Relationship Id="rId21" Type="http://schemas.openxmlformats.org/officeDocument/2006/relationships/slideLayout" Target="../slideLayouts/slideLayout67.xml"/><Relationship Id="rId34" Type="http://schemas.openxmlformats.org/officeDocument/2006/relationships/slideLayout" Target="../slideLayouts/slideLayout80.xml"/><Relationship Id="rId42" Type="http://schemas.openxmlformats.org/officeDocument/2006/relationships/slideLayout" Target="../slideLayouts/slideLayout88.xml"/><Relationship Id="rId47" Type="http://schemas.openxmlformats.org/officeDocument/2006/relationships/theme" Target="../theme/theme2.xml"/><Relationship Id="rId7" Type="http://schemas.openxmlformats.org/officeDocument/2006/relationships/slideLayout" Target="../slideLayouts/slideLayout53.xml"/><Relationship Id="rId2" Type="http://schemas.openxmlformats.org/officeDocument/2006/relationships/slideLayout" Target="../slideLayouts/slideLayout48.xml"/><Relationship Id="rId16" Type="http://schemas.openxmlformats.org/officeDocument/2006/relationships/slideLayout" Target="../slideLayouts/slideLayout62.xml"/><Relationship Id="rId29" Type="http://schemas.openxmlformats.org/officeDocument/2006/relationships/slideLayout" Target="../slideLayouts/slideLayout75.xml"/><Relationship Id="rId1" Type="http://schemas.openxmlformats.org/officeDocument/2006/relationships/slideLayout" Target="../slideLayouts/slideLayout47.xml"/><Relationship Id="rId6" Type="http://schemas.openxmlformats.org/officeDocument/2006/relationships/slideLayout" Target="../slideLayouts/slideLayout52.xml"/><Relationship Id="rId11" Type="http://schemas.openxmlformats.org/officeDocument/2006/relationships/slideLayout" Target="../slideLayouts/slideLayout57.xml"/><Relationship Id="rId24" Type="http://schemas.openxmlformats.org/officeDocument/2006/relationships/slideLayout" Target="../slideLayouts/slideLayout70.xml"/><Relationship Id="rId32" Type="http://schemas.openxmlformats.org/officeDocument/2006/relationships/slideLayout" Target="../slideLayouts/slideLayout78.xml"/><Relationship Id="rId37" Type="http://schemas.openxmlformats.org/officeDocument/2006/relationships/slideLayout" Target="../slideLayouts/slideLayout83.xml"/><Relationship Id="rId40" Type="http://schemas.openxmlformats.org/officeDocument/2006/relationships/slideLayout" Target="../slideLayouts/slideLayout86.xml"/><Relationship Id="rId45" Type="http://schemas.openxmlformats.org/officeDocument/2006/relationships/slideLayout" Target="../slideLayouts/slideLayout91.xml"/><Relationship Id="rId5" Type="http://schemas.openxmlformats.org/officeDocument/2006/relationships/slideLayout" Target="../slideLayouts/slideLayout51.xml"/><Relationship Id="rId15" Type="http://schemas.openxmlformats.org/officeDocument/2006/relationships/slideLayout" Target="../slideLayouts/slideLayout61.xml"/><Relationship Id="rId23" Type="http://schemas.openxmlformats.org/officeDocument/2006/relationships/slideLayout" Target="../slideLayouts/slideLayout69.xml"/><Relationship Id="rId28" Type="http://schemas.openxmlformats.org/officeDocument/2006/relationships/slideLayout" Target="../slideLayouts/slideLayout74.xml"/><Relationship Id="rId36" Type="http://schemas.openxmlformats.org/officeDocument/2006/relationships/slideLayout" Target="../slideLayouts/slideLayout82.xml"/><Relationship Id="rId10" Type="http://schemas.openxmlformats.org/officeDocument/2006/relationships/slideLayout" Target="../slideLayouts/slideLayout56.xml"/><Relationship Id="rId19" Type="http://schemas.openxmlformats.org/officeDocument/2006/relationships/slideLayout" Target="../slideLayouts/slideLayout65.xml"/><Relationship Id="rId31" Type="http://schemas.openxmlformats.org/officeDocument/2006/relationships/slideLayout" Target="../slideLayouts/slideLayout77.xml"/><Relationship Id="rId44" Type="http://schemas.openxmlformats.org/officeDocument/2006/relationships/slideLayout" Target="../slideLayouts/slideLayout90.xml"/><Relationship Id="rId4" Type="http://schemas.openxmlformats.org/officeDocument/2006/relationships/slideLayout" Target="../slideLayouts/slideLayout50.xml"/><Relationship Id="rId9" Type="http://schemas.openxmlformats.org/officeDocument/2006/relationships/slideLayout" Target="../slideLayouts/slideLayout55.xml"/><Relationship Id="rId14" Type="http://schemas.openxmlformats.org/officeDocument/2006/relationships/slideLayout" Target="../slideLayouts/slideLayout60.xml"/><Relationship Id="rId22" Type="http://schemas.openxmlformats.org/officeDocument/2006/relationships/slideLayout" Target="../slideLayouts/slideLayout68.xml"/><Relationship Id="rId27" Type="http://schemas.openxmlformats.org/officeDocument/2006/relationships/slideLayout" Target="../slideLayouts/slideLayout73.xml"/><Relationship Id="rId30" Type="http://schemas.openxmlformats.org/officeDocument/2006/relationships/slideLayout" Target="../slideLayouts/slideLayout76.xml"/><Relationship Id="rId35" Type="http://schemas.openxmlformats.org/officeDocument/2006/relationships/slideLayout" Target="../slideLayouts/slideLayout81.xml"/><Relationship Id="rId43" Type="http://schemas.openxmlformats.org/officeDocument/2006/relationships/slideLayout" Target="../slideLayouts/slideLayout89.xml"/><Relationship Id="rId8" Type="http://schemas.openxmlformats.org/officeDocument/2006/relationships/slideLayout" Target="../slideLayouts/slideLayout54.xml"/><Relationship Id="rId3" Type="http://schemas.openxmlformats.org/officeDocument/2006/relationships/slideLayout" Target="../slideLayouts/slideLayout49.xml"/><Relationship Id="rId12" Type="http://schemas.openxmlformats.org/officeDocument/2006/relationships/slideLayout" Target="../slideLayouts/slideLayout58.xml"/><Relationship Id="rId17" Type="http://schemas.openxmlformats.org/officeDocument/2006/relationships/slideLayout" Target="../slideLayouts/slideLayout63.xml"/><Relationship Id="rId25" Type="http://schemas.openxmlformats.org/officeDocument/2006/relationships/slideLayout" Target="../slideLayouts/slideLayout71.xml"/><Relationship Id="rId33" Type="http://schemas.openxmlformats.org/officeDocument/2006/relationships/slideLayout" Target="../slideLayouts/slideLayout79.xml"/><Relationship Id="rId38" Type="http://schemas.openxmlformats.org/officeDocument/2006/relationships/slideLayout" Target="../slideLayouts/slideLayout84.xml"/><Relationship Id="rId46" Type="http://schemas.openxmlformats.org/officeDocument/2006/relationships/slideLayout" Target="../slideLayouts/slideLayout92.xml"/><Relationship Id="rId20" Type="http://schemas.openxmlformats.org/officeDocument/2006/relationships/slideLayout" Target="../slideLayouts/slideLayout66.xml"/><Relationship Id="rId41" Type="http://schemas.openxmlformats.org/officeDocument/2006/relationships/slideLayout" Target="../slideLayouts/slideLayout87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ittel 1">
            <a:extLst>
              <a:ext uri="{FF2B5EF4-FFF2-40B4-BE49-F238E27FC236}">
                <a16:creationId xmlns:a16="http://schemas.microsoft.com/office/drawing/2014/main" id="{58F4E7D6-0CBD-37DC-FC6B-02E715F187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874173"/>
            <a:ext cx="10515600" cy="946766"/>
          </a:xfrm>
          <a:prstGeom prst="rect">
            <a:avLst/>
          </a:prstGeom>
        </p:spPr>
        <p:txBody>
          <a:bodyPr vert="horz" lIns="91440" tIns="45720" rIns="91440" bIns="45720" rtlCol="0" anchor="t">
            <a:noAutofit/>
          </a:bodyPr>
          <a:lstStyle/>
          <a:p>
            <a:r>
              <a:rPr lang="nb-NO" dirty="0"/>
              <a:t>Klikk for å redigere tittel</a:t>
            </a:r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AA338970-DEA5-1C48-1335-529E196D5D7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2000327"/>
            <a:ext cx="10515600" cy="4040155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383575359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99" r:id="rId1"/>
    <p:sldLayoutId id="2147483896" r:id="rId2"/>
    <p:sldLayoutId id="2147483900" r:id="rId3"/>
    <p:sldLayoutId id="2147483781" r:id="rId4"/>
    <p:sldLayoutId id="2147483782" r:id="rId5"/>
    <p:sldLayoutId id="2147483789" r:id="rId6"/>
    <p:sldLayoutId id="2147483783" r:id="rId7"/>
    <p:sldLayoutId id="2147483786" r:id="rId8"/>
    <p:sldLayoutId id="2147483785" r:id="rId9"/>
    <p:sldLayoutId id="2147483888" r:id="rId10"/>
    <p:sldLayoutId id="2147483761" r:id="rId11"/>
    <p:sldLayoutId id="2147483762" r:id="rId12"/>
    <p:sldLayoutId id="2147483763" r:id="rId13"/>
    <p:sldLayoutId id="2147483764" r:id="rId14"/>
    <p:sldLayoutId id="2147483766" r:id="rId15"/>
    <p:sldLayoutId id="2147483767" r:id="rId16"/>
    <p:sldLayoutId id="2147483768" r:id="rId17"/>
    <p:sldLayoutId id="2147483883" r:id="rId18"/>
    <p:sldLayoutId id="2147483884" r:id="rId19"/>
    <p:sldLayoutId id="2147483885" r:id="rId20"/>
    <p:sldLayoutId id="2147483882" r:id="rId21"/>
    <p:sldLayoutId id="2147483816" r:id="rId22"/>
    <p:sldLayoutId id="2147483886" r:id="rId23"/>
    <p:sldLayoutId id="2147483769" r:id="rId24"/>
    <p:sldLayoutId id="2147483837" r:id="rId25"/>
    <p:sldLayoutId id="2147483770" r:id="rId26"/>
    <p:sldLayoutId id="2147483817" r:id="rId27"/>
    <p:sldLayoutId id="2147483818" r:id="rId28"/>
    <p:sldLayoutId id="2147483820" r:id="rId29"/>
    <p:sldLayoutId id="2147483895" r:id="rId30"/>
    <p:sldLayoutId id="2147483879" r:id="rId31"/>
    <p:sldLayoutId id="2147483821" r:id="rId32"/>
    <p:sldLayoutId id="2147483894" r:id="rId33"/>
    <p:sldLayoutId id="2147483835" r:id="rId34"/>
    <p:sldLayoutId id="2147483836" r:id="rId35"/>
    <p:sldLayoutId id="2147483773" r:id="rId36"/>
    <p:sldLayoutId id="2147483775" r:id="rId37"/>
    <p:sldLayoutId id="2147483840" r:id="rId38"/>
    <p:sldLayoutId id="2147483841" r:id="rId39"/>
    <p:sldLayoutId id="2147483945" r:id="rId40"/>
    <p:sldLayoutId id="2147483897" r:id="rId41"/>
    <p:sldLayoutId id="2147483946" r:id="rId42"/>
    <p:sldLayoutId id="2147483898" r:id="rId43"/>
    <p:sldLayoutId id="2147483947" r:id="rId44"/>
    <p:sldLayoutId id="2147483772" r:id="rId45"/>
    <p:sldLayoutId id="2147483787" r:id="rId46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i="0" kern="1200">
          <a:solidFill>
            <a:schemeClr val="bg2"/>
          </a:solidFill>
          <a:latin typeface="+mj-lt"/>
          <a:ea typeface="+mj-ea"/>
          <a:cs typeface="Calibri" panose="020F0502020204030204" pitchFamily="34" charset="0"/>
        </a:defRPr>
      </a:lvl1pPr>
    </p:titleStyle>
    <p:bodyStyle>
      <a:lvl1pPr marL="342900" indent="-342900" algn="l" defTabSz="914400" rtl="0" eaLnBrk="1" latinLnBrk="0" hangingPunct="1">
        <a:lnSpc>
          <a:spcPct val="90000"/>
        </a:lnSpc>
        <a:spcBef>
          <a:spcPts val="1000"/>
        </a:spcBef>
        <a:buClr>
          <a:schemeClr val="tx2"/>
        </a:buClr>
        <a:buFont typeface="Arial" panose="020B0604020202020204" pitchFamily="34" charset="0"/>
        <a:buChar char="•"/>
        <a:defRPr sz="2000" kern="1200">
          <a:solidFill>
            <a:schemeClr val="bg2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1800" kern="1200">
          <a:solidFill>
            <a:schemeClr val="bg2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400"/>
        </a:spcBef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bg2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300"/>
        </a:spcBef>
        <a:buClr>
          <a:schemeClr val="tx2"/>
        </a:buClr>
        <a:buFont typeface="Arial" panose="020B0604020202020204" pitchFamily="34" charset="0"/>
        <a:buChar char="•"/>
        <a:defRPr sz="1400" kern="1200">
          <a:solidFill>
            <a:schemeClr val="bg2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300"/>
        </a:spcBef>
        <a:buClr>
          <a:schemeClr val="tx2"/>
        </a:buClr>
        <a:buFont typeface="Arial" panose="020B0604020202020204" pitchFamily="34" charset="0"/>
        <a:buChar char="•"/>
        <a:defRPr sz="1400" kern="1200">
          <a:solidFill>
            <a:schemeClr val="bg2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ittel 1">
            <a:extLst>
              <a:ext uri="{FF2B5EF4-FFF2-40B4-BE49-F238E27FC236}">
                <a16:creationId xmlns:a16="http://schemas.microsoft.com/office/drawing/2014/main" id="{58F4E7D6-0CBD-37DC-FC6B-02E715F187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874173"/>
            <a:ext cx="10515600" cy="946766"/>
          </a:xfrm>
          <a:prstGeom prst="rect">
            <a:avLst/>
          </a:prstGeom>
        </p:spPr>
        <p:txBody>
          <a:bodyPr vert="horz" lIns="91440" tIns="45720" rIns="91440" bIns="45720" rtlCol="0" anchor="t">
            <a:noAutofit/>
          </a:bodyPr>
          <a:lstStyle/>
          <a:p>
            <a:r>
              <a:rPr lang="nb-NO" dirty="0"/>
              <a:t>Klikk for å redigere tittel</a:t>
            </a:r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AA338970-DEA5-1C48-1335-529E196D5D7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2000327"/>
            <a:ext cx="10515600" cy="4040155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nb-NO" dirty="0"/>
              <a:t>Klikk for å redigere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96784671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01" r:id="rId1"/>
    <p:sldLayoutId id="2147483904" r:id="rId2"/>
    <p:sldLayoutId id="2147483905" r:id="rId3"/>
    <p:sldLayoutId id="2147483906" r:id="rId4"/>
    <p:sldLayoutId id="2147483907" r:id="rId5"/>
    <p:sldLayoutId id="2147483908" r:id="rId6"/>
    <p:sldLayoutId id="2147483909" r:id="rId7"/>
    <p:sldLayoutId id="2147483910" r:id="rId8"/>
    <p:sldLayoutId id="2147483911" r:id="rId9"/>
    <p:sldLayoutId id="2147483912" r:id="rId10"/>
    <p:sldLayoutId id="2147483913" r:id="rId11"/>
    <p:sldLayoutId id="2147483914" r:id="rId12"/>
    <p:sldLayoutId id="2147483915" r:id="rId13"/>
    <p:sldLayoutId id="2147483916" r:id="rId14"/>
    <p:sldLayoutId id="2147483917" r:id="rId15"/>
    <p:sldLayoutId id="2147483918" r:id="rId16"/>
    <p:sldLayoutId id="2147483919" r:id="rId17"/>
    <p:sldLayoutId id="2147483920" r:id="rId18"/>
    <p:sldLayoutId id="2147483921" r:id="rId19"/>
    <p:sldLayoutId id="2147483922" r:id="rId20"/>
    <p:sldLayoutId id="2147483923" r:id="rId21"/>
    <p:sldLayoutId id="2147483924" r:id="rId22"/>
    <p:sldLayoutId id="2147483925" r:id="rId23"/>
    <p:sldLayoutId id="2147483926" r:id="rId24"/>
    <p:sldLayoutId id="2147483927" r:id="rId25"/>
    <p:sldLayoutId id="2147483928" r:id="rId26"/>
    <p:sldLayoutId id="2147483929" r:id="rId27"/>
    <p:sldLayoutId id="2147483930" r:id="rId28"/>
    <p:sldLayoutId id="2147483931" r:id="rId29"/>
    <p:sldLayoutId id="2147483932" r:id="rId30"/>
    <p:sldLayoutId id="2147483933" r:id="rId31"/>
    <p:sldLayoutId id="2147483934" r:id="rId32"/>
    <p:sldLayoutId id="2147483935" r:id="rId33"/>
    <p:sldLayoutId id="2147483936" r:id="rId34"/>
    <p:sldLayoutId id="2147483937" r:id="rId35"/>
    <p:sldLayoutId id="2147483938" r:id="rId36"/>
    <p:sldLayoutId id="2147483939" r:id="rId37"/>
    <p:sldLayoutId id="2147483940" r:id="rId38"/>
    <p:sldLayoutId id="2147483941" r:id="rId39"/>
    <p:sldLayoutId id="2147483948" r:id="rId40"/>
    <p:sldLayoutId id="2147483942" r:id="rId41"/>
    <p:sldLayoutId id="2147483949" r:id="rId42"/>
    <p:sldLayoutId id="2147483943" r:id="rId43"/>
    <p:sldLayoutId id="2147483950" r:id="rId44"/>
    <p:sldLayoutId id="2147483944" r:id="rId45"/>
    <p:sldLayoutId id="2147483877" r:id="rId46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i="0" kern="1200">
          <a:solidFill>
            <a:schemeClr val="tx1"/>
          </a:solidFill>
          <a:latin typeface="+mj-lt"/>
          <a:ea typeface="+mj-ea"/>
          <a:cs typeface="Calibri" panose="020F0502020204030204" pitchFamily="34" charset="0"/>
        </a:defRPr>
      </a:lvl1pPr>
    </p:titleStyle>
    <p:bodyStyle>
      <a:lvl1pPr marL="342900" indent="-342900" algn="l" defTabSz="914400" rtl="0" eaLnBrk="1" latinLnBrk="0" hangingPunct="1">
        <a:lnSpc>
          <a:spcPct val="90000"/>
        </a:lnSpc>
        <a:spcBef>
          <a:spcPts val="1000"/>
        </a:spcBef>
        <a:buClr>
          <a:schemeClr val="tx2"/>
        </a:buClr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eg"/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58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58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58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7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7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7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jp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74.xml"/><Relationship Id="rId5" Type="http://schemas.openxmlformats.org/officeDocument/2006/relationships/image" Target="../media/image21.jpg"/><Relationship Id="rId4" Type="http://schemas.openxmlformats.org/officeDocument/2006/relationships/image" Target="../media/image20.jp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67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7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58.xml"/><Relationship Id="rId5" Type="http://schemas.openxmlformats.org/officeDocument/2006/relationships/image" Target="../media/image27.svg"/><Relationship Id="rId4" Type="http://schemas.openxmlformats.org/officeDocument/2006/relationships/image" Target="../media/image26.png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4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jpg"/><Relationship Id="rId1" Type="http://schemas.openxmlformats.org/officeDocument/2006/relationships/slideLayout" Target="../slideLayouts/slideLayout58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vecteezy.com/vector-art/11604451-colorful-thank-you-in-cartoon-style-funny-boxes-full-of-gratitude-cute-funny-faces-cool-lettering-greeting-card-for-banner-card-web-vector-illustration" TargetMode="External"/><Relationship Id="rId2" Type="http://schemas.openxmlformats.org/officeDocument/2006/relationships/image" Target="../media/image29.jpg"/><Relationship Id="rId1" Type="http://schemas.openxmlformats.org/officeDocument/2006/relationships/slideLayout" Target="../slideLayouts/slideLayout5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7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7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7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5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g"/><Relationship Id="rId1" Type="http://schemas.openxmlformats.org/officeDocument/2006/relationships/slideLayout" Target="../slideLayouts/slideLayout6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emf"/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56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0534656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0774C52-B6E6-4A0B-1EDA-A759EA1B480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Content Placeholder 17">
            <a:extLst>
              <a:ext uri="{FF2B5EF4-FFF2-40B4-BE49-F238E27FC236}">
                <a16:creationId xmlns:a16="http://schemas.microsoft.com/office/drawing/2014/main" id="{40519ACF-9F59-6B1E-2280-48F4225C295C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38200" y="1787457"/>
            <a:ext cx="5181600" cy="3913323"/>
          </a:xfrm>
        </p:spPr>
      </p:pic>
      <p:pic>
        <p:nvPicPr>
          <p:cNvPr id="16" name="Content Placeholder 15">
            <a:extLst>
              <a:ext uri="{FF2B5EF4-FFF2-40B4-BE49-F238E27FC236}">
                <a16:creationId xmlns:a16="http://schemas.microsoft.com/office/drawing/2014/main" id="{A5DC5F56-7656-F29F-56EB-88037FFE1399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288422" y="1787457"/>
            <a:ext cx="5065377" cy="3913323"/>
          </a:xfr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F76917C5-5A8E-C4C2-838C-469F359625A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3200" noProof="0" dirty="0"/>
              <a:t>5. Laboratory testing (con.) </a:t>
            </a:r>
            <a:endParaRPr lang="en-GB" noProof="0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07BA30D6-04A0-7489-4510-E7D67B572C80}"/>
              </a:ext>
            </a:extLst>
          </p:cNvPr>
          <p:cNvSpPr>
            <a:spLocks noGrp="1"/>
          </p:cNvSpPr>
          <p:nvPr>
            <p:ph type="body" idx="4294967295"/>
          </p:nvPr>
        </p:nvSpPr>
        <p:spPr>
          <a:xfrm>
            <a:off x="838200" y="1336570"/>
            <a:ext cx="5181600" cy="386930"/>
          </a:xfrm>
        </p:spPr>
        <p:txBody>
          <a:bodyPr/>
          <a:lstStyle/>
          <a:p>
            <a:pPr marL="0" indent="0">
              <a:buNone/>
            </a:pPr>
            <a:r>
              <a:rPr lang="en-GB" noProof="0" dirty="0"/>
              <a:t>Load-deflection response for slab A1-A6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89CD515-0CA4-9978-2FEB-690A5D78FD24}"/>
              </a:ext>
            </a:extLst>
          </p:cNvPr>
          <p:cNvSpPr>
            <a:spLocks noGrp="1"/>
          </p:cNvSpPr>
          <p:nvPr>
            <p:ph type="body" idx="4294967295"/>
          </p:nvPr>
        </p:nvSpPr>
        <p:spPr>
          <a:xfrm>
            <a:off x="6172200" y="1349853"/>
            <a:ext cx="4653695" cy="360363"/>
          </a:xfrm>
        </p:spPr>
        <p:txBody>
          <a:bodyPr/>
          <a:lstStyle/>
          <a:p>
            <a:pPr marL="0" indent="0">
              <a:buNone/>
            </a:pPr>
            <a:r>
              <a:rPr lang="en-GB" noProof="0" dirty="0"/>
              <a:t>Load-deflection response for Slab B1-B6</a:t>
            </a:r>
          </a:p>
        </p:txBody>
      </p:sp>
    </p:spTree>
    <p:extLst>
      <p:ext uri="{BB962C8B-B14F-4D97-AF65-F5344CB8AC3E}">
        <p14:creationId xmlns:p14="http://schemas.microsoft.com/office/powerpoint/2010/main" val="327321526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CE4111-BCA0-EBF8-4360-A18F7AA4706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A94FA1BB-FF7C-667B-0635-188424FDD74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endParaRPr lang="en-GB" noProof="0" dirty="0"/>
          </a:p>
          <a:p>
            <a:r>
              <a:rPr lang="en-GB" noProof="0" dirty="0"/>
              <a:t>𝜸−method </a:t>
            </a:r>
          </a:p>
          <a:p>
            <a:pPr lvl="1"/>
            <a:r>
              <a:rPr lang="en-GB" sz="2000" noProof="0" dirty="0"/>
              <a:t>Mechanically jointed beams theory</a:t>
            </a:r>
          </a:p>
          <a:p>
            <a:pPr lvl="1"/>
            <a:r>
              <a:rPr lang="en-GB" sz="2000" dirty="0"/>
              <a:t>Limitations :  2/3 layered TCC</a:t>
            </a:r>
          </a:p>
          <a:p>
            <a:pPr lvl="1"/>
            <a:r>
              <a:rPr lang="en-GB" sz="2000" dirty="0"/>
              <a:t>Effective bending stiffness based on composite action</a:t>
            </a:r>
          </a:p>
        </p:txBody>
      </p:sp>
      <p:pic>
        <p:nvPicPr>
          <p:cNvPr id="6" name="Content Placeholder 5" descr="A machine with a metal frame&#10;&#10;AI-generated content may be incorrect.">
            <a:extLst>
              <a:ext uri="{FF2B5EF4-FFF2-40B4-BE49-F238E27FC236}">
                <a16:creationId xmlns:a16="http://schemas.microsoft.com/office/drawing/2014/main" id="{51D98AAE-5253-3995-2F05-D1CF014E94B2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277494" y="1668015"/>
            <a:ext cx="4971011" cy="4152207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D9DE6BD7-16DA-B82D-863E-BA21D55AD4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 dirty="0"/>
              <a:t>6. Theoretical prediction of load capacity and displacement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4" name="Table 3">
                <a:extLst>
                  <a:ext uri="{FF2B5EF4-FFF2-40B4-BE49-F238E27FC236}">
                    <a16:creationId xmlns:a16="http://schemas.microsoft.com/office/drawing/2014/main" id="{50D21353-BB07-0E08-6F0F-3CB5C011D133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091964031"/>
                  </p:ext>
                </p:extLst>
              </p:nvPr>
            </p:nvGraphicFramePr>
            <p:xfrm>
              <a:off x="1565785" y="3900178"/>
              <a:ext cx="4971011" cy="771271"/>
            </p:xfrm>
            <a:graphic>
              <a:graphicData uri="http://schemas.openxmlformats.org/drawingml/2006/table">
                <a:tbl>
                  <a:tblPr firstRow="1" firstCol="1" bandRow="1">
                    <a:tableStyleId>{2D5ABB26-0587-4C30-8999-92F81FD0307C}</a:tableStyleId>
                  </a:tblPr>
                  <a:tblGrid>
                    <a:gridCol w="2842145">
                      <a:extLst>
                        <a:ext uri="{9D8B030D-6E8A-4147-A177-3AD203B41FA5}">
                          <a16:colId xmlns:a16="http://schemas.microsoft.com/office/drawing/2014/main" val="3644651182"/>
                        </a:ext>
                      </a:extLst>
                    </a:gridCol>
                    <a:gridCol w="2128866">
                      <a:extLst>
                        <a:ext uri="{9D8B030D-6E8A-4147-A177-3AD203B41FA5}">
                          <a16:colId xmlns:a16="http://schemas.microsoft.com/office/drawing/2014/main" val="1749092193"/>
                        </a:ext>
                      </a:extLst>
                    </a:gridCol>
                  </a:tblGrid>
                  <a:tr h="0">
                    <a:tc>
                      <a:txBody>
                        <a:bodyPr/>
                        <a:lstStyle/>
                        <a:p>
                          <a:pPr algn="ctr">
                            <a:lnSpc>
                              <a:spcPct val="150000"/>
                            </a:lnSpc>
                            <a:buNone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b>
                                  <m:sSubPr>
                                    <m:ctrlPr>
                                      <a:rPr lang="nb-NO" sz="1200" i="1">
                                        <a:effectLst/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(</m:t>
                                    </m:r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𝐸𝐼</m:t>
                                    </m:r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)</m:t>
                                    </m:r>
                                  </m:e>
                                  <m:sub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𝑒𝑓</m:t>
                                    </m:r>
                                  </m:sub>
                                </m:sSub>
                                <m:r>
                                  <a:rPr lang="en-GB" sz="1200">
                                    <a:effectLst/>
                                    <a:latin typeface="Cambria Math" panose="02040503050406030204" pitchFamily="18" charset="0"/>
                                  </a:rPr>
                                  <m:t>= </m:t>
                                </m:r>
                                <m:nary>
                                  <m:naryPr>
                                    <m:chr m:val="∑"/>
                                    <m:limLoc m:val="undOvr"/>
                                    <m:ctrlPr>
                                      <a:rPr lang="nb-NO" sz="1200" i="1">
                                        <a:effectLst/>
                                        <a:latin typeface="Cambria Math" panose="02040503050406030204" pitchFamily="18" charset="0"/>
                                      </a:rPr>
                                    </m:ctrlPr>
                                  </m:naryPr>
                                  <m:sub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𝑖</m:t>
                                    </m:r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=1</m:t>
                                    </m:r>
                                  </m:sub>
                                  <m:sup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3</m:t>
                                    </m:r>
                                  </m:sup>
                                  <m:e>
                                    <m:d>
                                      <m:dPr>
                                        <m:ctrlPr>
                                          <a:rPr lang="nb-NO" sz="1200" i="1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dPr>
                                      <m:e>
                                        <m:sSub>
                                          <m:sSubPr>
                                            <m:ctrlPr>
                                              <a:rPr lang="nb-NO" sz="1200" i="1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𝐸</m:t>
                                            </m:r>
                                          </m:e>
                                          <m:sub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𝑖</m:t>
                                            </m:r>
                                          </m:sub>
                                        </m:sSub>
                                        <m:sSub>
                                          <m:sSubPr>
                                            <m:ctrlPr>
                                              <a:rPr lang="nb-NO" sz="1200" i="1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𝐼</m:t>
                                            </m:r>
                                          </m:e>
                                          <m:sub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𝑖</m:t>
                                            </m:r>
                                          </m:sub>
                                        </m:sSub>
                                        <m:r>
                                          <a:rPr lang="en-GB" sz="120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  <m:t>+</m:t>
                                        </m:r>
                                        <m:sSub>
                                          <m:sSubPr>
                                            <m:ctrlPr>
                                              <a:rPr lang="nb-NO" sz="1200" i="1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𝛾</m:t>
                                            </m:r>
                                          </m:e>
                                          <m:sub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𝑖</m:t>
                                            </m:r>
                                          </m:sub>
                                        </m:sSub>
                                        <m:sSub>
                                          <m:sSubPr>
                                            <m:ctrlPr>
                                              <a:rPr lang="nb-NO" sz="1200" i="1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𝐸</m:t>
                                            </m:r>
                                          </m:e>
                                          <m:sub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𝑖</m:t>
                                            </m:r>
                                          </m:sub>
                                        </m:sSub>
                                        <m:sSub>
                                          <m:sSubPr>
                                            <m:ctrlPr>
                                              <a:rPr lang="nb-NO" sz="1200" i="1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𝐴</m:t>
                                            </m:r>
                                          </m:e>
                                          <m:sub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𝑖</m:t>
                                            </m:r>
                                          </m:sub>
                                        </m:sSub>
                                        <m:sSubSup>
                                          <m:sSubSupPr>
                                            <m:ctrlPr>
                                              <a:rPr lang="nb-NO" sz="1200" i="1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SupPr>
                                          <m:e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𝑎</m:t>
                                            </m:r>
                                          </m:e>
                                          <m:sub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𝑖</m:t>
                                            </m:r>
                                          </m:sub>
                                          <m:sup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2</m:t>
                                            </m:r>
                                          </m:sup>
                                        </m:sSubSup>
                                      </m:e>
                                    </m:d>
                                  </m:e>
                                </m:nary>
                              </m:oMath>
                            </m:oMathPara>
                          </a14:m>
                          <a:endParaRPr lang="nb-NO" sz="1200" dirty="0">
                            <a:effectLst/>
                            <a:latin typeface="Times New Roman" panose="02020603050405020304" pitchFamily="18" charset="0"/>
                            <a:ea typeface="Times New Roman" panose="02020603050405020304" pitchFamily="18" charset="0"/>
                            <a:cs typeface="Times New Roman" panose="02020603050405020304" pitchFamily="18" charset="0"/>
                          </a:endParaRPr>
                        </a:p>
                      </a:txBody>
                      <a:tcPr marL="68580" marR="68580" marT="0" marB="0" anchor="ctr"/>
                    </a:tc>
                    <a:tc>
                      <a:txBody>
                        <a:bodyPr/>
                        <a:lstStyle/>
                        <a:p>
                          <a:pPr algn="ctr">
                            <a:lnSpc>
                              <a:spcPct val="150000"/>
                            </a:lnSpc>
                            <a:buNone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b>
                                  <m:sSubPr>
                                    <m:ctrlPr>
                                      <a:rPr lang="nb-NO" sz="1200" i="1" smtClean="0">
                                        <a:effectLst/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nb-NO" sz="1200" i="1" smtClean="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𝛾</m:t>
                                    </m:r>
                                  </m:e>
                                  <m:sub>
                                    <m:r>
                                      <a:rPr lang="en-US" sz="1200" b="0" i="1" smtClean="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𝑖</m:t>
                                    </m:r>
                                  </m:sub>
                                </m:sSub>
                                <m:r>
                                  <a:rPr lang="nb-NO" sz="1200" i="1" smtClean="0">
                                    <a:effectLst/>
                                    <a:latin typeface="Cambria Math" panose="02040503050406030204" pitchFamily="18" charset="0"/>
                                  </a:rPr>
                                  <m:t>=</m:t>
                                </m:r>
                                <m:sSup>
                                  <m:sSupPr>
                                    <m:ctrlPr>
                                      <a:rPr lang="nb-NO" sz="1200" i="1" smtClean="0">
                                        <a:effectLst/>
                                        <a:latin typeface="Cambria Math" panose="02040503050406030204" pitchFamily="18" charset="0"/>
                                      </a:rPr>
                                    </m:ctrlPr>
                                  </m:sSupPr>
                                  <m:e>
                                    <m:d>
                                      <m:dPr>
                                        <m:begChr m:val="["/>
                                        <m:endChr m:val="]"/>
                                        <m:ctrlPr>
                                          <a:rPr lang="nb-NO" sz="1200" i="1" smtClean="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dPr>
                                      <m:e>
                                        <m:r>
                                          <a:rPr lang="nb-NO" sz="1200" i="1" smtClean="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  <m:t>1+</m:t>
                                        </m:r>
                                        <m:f>
                                          <m:fPr>
                                            <m:ctrlPr>
                                              <a:rPr lang="nb-NO" sz="1200" i="1" smtClean="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fPr>
                                          <m:num>
                                            <m:sSup>
                                              <m:sSupPr>
                                                <m:ctrlPr>
                                                  <a:rPr lang="nb-NO" sz="120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sSupPr>
                                              <m:e>
                                                <m:r>
                                                  <a:rPr lang="nb-NO" sz="120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𝜋</m:t>
                                                </m:r>
                                              </m:e>
                                              <m:sup>
                                                <m:r>
                                                  <a:rPr lang="en-US" sz="1200" b="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2</m:t>
                                                </m:r>
                                              </m:sup>
                                            </m:sSup>
                                            <m:sSub>
                                              <m:sSubPr>
                                                <m:ctrlPr>
                                                  <a:rPr lang="nb-NO" sz="120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sSubPr>
                                              <m:e>
                                                <m:r>
                                                  <a:rPr lang="en-US" sz="1200" b="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𝐸</m:t>
                                                </m:r>
                                              </m:e>
                                              <m:sub>
                                                <m:r>
                                                  <a:rPr lang="en-US" sz="1200" b="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𝑖</m:t>
                                                </m:r>
                                              </m:sub>
                                            </m:sSub>
                                            <m:sSub>
                                              <m:sSubPr>
                                                <m:ctrlPr>
                                                  <a:rPr lang="nb-NO" sz="120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sSubPr>
                                              <m:e>
                                                <m:r>
                                                  <a:rPr lang="en-US" sz="1200" b="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𝐴</m:t>
                                                </m:r>
                                              </m:e>
                                              <m:sub>
                                                <m:r>
                                                  <a:rPr lang="en-US" sz="1200" b="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𝑖</m:t>
                                                </m:r>
                                              </m:sub>
                                            </m:sSub>
                                            <m:sSub>
                                              <m:sSubPr>
                                                <m:ctrlPr>
                                                  <a:rPr lang="nb-NO" sz="120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sSubPr>
                                              <m:e>
                                                <m:r>
                                                  <a:rPr lang="en-US" sz="1200" b="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𝑠</m:t>
                                                </m:r>
                                              </m:e>
                                              <m:sub>
                                                <m:r>
                                                  <a:rPr lang="en-US" sz="1200" b="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𝑖</m:t>
                                                </m:r>
                                              </m:sub>
                                            </m:sSub>
                                          </m:num>
                                          <m:den>
                                            <m:sSub>
                                              <m:sSubPr>
                                                <m:ctrlPr>
                                                  <a:rPr lang="nb-NO" sz="120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sSubPr>
                                              <m:e>
                                                <m:r>
                                                  <a:rPr lang="en-US" sz="1200" b="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𝐾</m:t>
                                                </m:r>
                                              </m:e>
                                              <m:sub>
                                                <m:r>
                                                  <a:rPr lang="en-US" sz="1200" b="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𝑖</m:t>
                                                </m:r>
                                              </m:sub>
                                            </m:sSub>
                                            <m:sSup>
                                              <m:sSupPr>
                                                <m:ctrlPr>
                                                  <a:rPr lang="nb-NO" sz="120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sSupPr>
                                              <m:e>
                                                <m:r>
                                                  <a:rPr lang="en-US" sz="1200" b="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𝑙</m:t>
                                                </m:r>
                                              </m:e>
                                              <m:sup>
                                                <m:r>
                                                  <a:rPr lang="en-US" sz="1200" b="0" i="1" smtClean="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2</m:t>
                                                </m:r>
                                              </m:sup>
                                            </m:sSup>
                                          </m:den>
                                        </m:f>
                                      </m:e>
                                    </m:d>
                                  </m:e>
                                  <m:sup>
                                    <m:r>
                                      <a:rPr lang="en-US" sz="1200" b="0" i="1" smtClean="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−1</m:t>
                                    </m:r>
                                  </m:sup>
                                </m:sSup>
                              </m:oMath>
                            </m:oMathPara>
                          </a14:m>
                          <a:endParaRPr lang="nb-NO" sz="1200" dirty="0">
                            <a:effectLst/>
                            <a:latin typeface="Times New Roman" panose="02020603050405020304" pitchFamily="18" charset="0"/>
                            <a:ea typeface="Times New Roman" panose="02020603050405020304" pitchFamily="18" charset="0"/>
                            <a:cs typeface="Times New Roman" panose="02020603050405020304" pitchFamily="18" charset="0"/>
                          </a:endParaRPr>
                        </a:p>
                      </a:txBody>
                      <a:tcPr marL="68580" marR="68580" marT="0" marB="0" anchor="ctr"/>
                    </a:tc>
                    <a:extLst>
                      <a:ext uri="{0D108BD9-81ED-4DB2-BD59-A6C34878D82A}">
                        <a16:rowId xmlns:a16="http://schemas.microsoft.com/office/drawing/2014/main" val="2107708533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4" name="Table 3">
                <a:extLst>
                  <a:ext uri="{FF2B5EF4-FFF2-40B4-BE49-F238E27FC236}">
                    <a16:creationId xmlns:a16="http://schemas.microsoft.com/office/drawing/2014/main" id="{50D21353-BB07-0E08-6F0F-3CB5C011D133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1091964031"/>
                  </p:ext>
                </p:extLst>
              </p:nvPr>
            </p:nvGraphicFramePr>
            <p:xfrm>
              <a:off x="1565785" y="3900178"/>
              <a:ext cx="4971011" cy="778129"/>
            </p:xfrm>
            <a:graphic>
              <a:graphicData uri="http://schemas.openxmlformats.org/drawingml/2006/table">
                <a:tbl>
                  <a:tblPr firstRow="1" firstCol="1" bandRow="1">
                    <a:tableStyleId>{2D5ABB26-0587-4C30-8999-92F81FD0307C}</a:tableStyleId>
                  </a:tblPr>
                  <a:tblGrid>
                    <a:gridCol w="2842145">
                      <a:extLst>
                        <a:ext uri="{9D8B030D-6E8A-4147-A177-3AD203B41FA5}">
                          <a16:colId xmlns:a16="http://schemas.microsoft.com/office/drawing/2014/main" val="3644651182"/>
                        </a:ext>
                      </a:extLst>
                    </a:gridCol>
                    <a:gridCol w="2128866">
                      <a:extLst>
                        <a:ext uri="{9D8B030D-6E8A-4147-A177-3AD203B41FA5}">
                          <a16:colId xmlns:a16="http://schemas.microsoft.com/office/drawing/2014/main" val="1749092193"/>
                        </a:ext>
                      </a:extLst>
                    </a:gridCol>
                  </a:tblGrid>
                  <a:tr h="778129">
                    <a:tc>
                      <a:txBody>
                        <a:bodyPr/>
                        <a:lstStyle/>
                        <a:p>
                          <a:endParaRPr lang="nb-NO"/>
                        </a:p>
                      </a:txBody>
                      <a:tcPr marL="68580" marR="68580" marT="0" marB="0" anchor="ctr">
                        <a:blipFill>
                          <a:blip r:embed="rId3"/>
                          <a:stretch>
                            <a:fillRect r="-74946"/>
                          </a:stretch>
                        </a:blipFill>
                      </a:tcPr>
                    </a:tc>
                    <a:tc>
                      <a:txBody>
                        <a:bodyPr/>
                        <a:lstStyle/>
                        <a:p>
                          <a:endParaRPr lang="nb-NO"/>
                        </a:p>
                      </a:txBody>
                      <a:tcPr marL="68580" marR="68580" marT="0" marB="0" anchor="ctr">
                        <a:blipFill>
                          <a:blip r:embed="rId3"/>
                          <a:stretch>
                            <a:fillRect l="-133429"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107708533"/>
                      </a:ext>
                    </a:extLst>
                  </a:tr>
                </a:tbl>
              </a:graphicData>
            </a:graphic>
          </p:graphicFrame>
        </mc:Fallback>
      </mc:AlternateContent>
      <p:sp>
        <p:nvSpPr>
          <p:cNvPr id="5" name="TextBox 4">
            <a:extLst>
              <a:ext uri="{FF2B5EF4-FFF2-40B4-BE49-F238E27FC236}">
                <a16:creationId xmlns:a16="http://schemas.microsoft.com/office/drawing/2014/main" id="{26209B73-CA32-B119-770B-9E2F394D2B60}"/>
              </a:ext>
            </a:extLst>
          </p:cNvPr>
          <p:cNvSpPr txBox="1"/>
          <p:nvPr/>
        </p:nvSpPr>
        <p:spPr>
          <a:xfrm>
            <a:off x="1779639" y="4844850"/>
            <a:ext cx="2999604" cy="52322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1400" dirty="0"/>
              <a:t>Clause B.2:</a:t>
            </a:r>
            <a:br>
              <a:rPr lang="en-US" sz="1400" dirty="0"/>
            </a:br>
            <a:r>
              <a:rPr lang="en-US" sz="1400" dirty="0"/>
              <a:t>EC 1995-1-1:2004+A1:2008+NA2010</a:t>
            </a:r>
            <a:endParaRPr lang="nb-NO" sz="1400" dirty="0"/>
          </a:p>
        </p:txBody>
      </p:sp>
    </p:spTree>
    <p:extLst>
      <p:ext uri="{BB962C8B-B14F-4D97-AF65-F5344CB8AC3E}">
        <p14:creationId xmlns:p14="http://schemas.microsoft.com/office/powerpoint/2010/main" val="348930219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034B580-7734-FFD7-6AB9-9EDC709F7AE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3FBB4195-8649-7B82-E907-A11C02942D8F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endParaRPr lang="en-GB" noProof="0" dirty="0"/>
          </a:p>
          <a:p>
            <a:endParaRPr lang="en-GB" dirty="0"/>
          </a:p>
          <a:p>
            <a:r>
              <a:rPr lang="en-GB" noProof="0" dirty="0"/>
              <a:t>Shear analogy method</a:t>
            </a:r>
          </a:p>
          <a:p>
            <a:pPr lvl="1"/>
            <a:r>
              <a:rPr lang="en-GB" sz="2000" dirty="0"/>
              <a:t>Glued not nailed CLT</a:t>
            </a:r>
          </a:p>
          <a:p>
            <a:pPr lvl="1"/>
            <a:r>
              <a:rPr lang="en-GB" sz="2000" dirty="0"/>
              <a:t>No limitations to lamellae or shear fastener type</a:t>
            </a:r>
          </a:p>
          <a:p>
            <a:pPr lvl="1"/>
            <a:r>
              <a:rPr lang="en-US" sz="2000" dirty="0"/>
              <a:t>T</a:t>
            </a:r>
            <a:r>
              <a:rPr lang="en-US" sz="2000" noProof="0" dirty="0"/>
              <a:t>he different moduli of elasticity of a single layer</a:t>
            </a:r>
          </a:p>
          <a:p>
            <a:pPr lvl="1"/>
            <a:r>
              <a:rPr lang="en-GB" sz="2000" dirty="0"/>
              <a:t>Shear deformation in longitudinal and transverse layer</a:t>
            </a:r>
          </a:p>
          <a:p>
            <a:pPr lvl="1"/>
            <a:endParaRPr lang="en-US" sz="2000" noProof="0" dirty="0"/>
          </a:p>
          <a:p>
            <a:pPr lvl="1"/>
            <a:endParaRPr lang="en-GB" sz="2000" noProof="0" dirty="0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AFBF59E8-736F-A112-4811-81A1F8AA5F1E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/>
        </p:blipFill>
        <p:spPr>
          <a:xfrm>
            <a:off x="6172199" y="3146323"/>
            <a:ext cx="5725287" cy="1091685"/>
          </a:xfr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392D5ACB-E876-027E-F9F6-E07A94D1C6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 dirty="0"/>
              <a:t>6. Theoretical prediction of load capacity and displacement (con.)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4C5FCEB-FA1C-B1DA-637C-035885F2B290}"/>
              </a:ext>
            </a:extLst>
          </p:cNvPr>
          <p:cNvSpPr txBox="1"/>
          <p:nvPr/>
        </p:nvSpPr>
        <p:spPr>
          <a:xfrm>
            <a:off x="6518494" y="4327558"/>
            <a:ext cx="5472213" cy="101566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200" dirty="0"/>
              <a:t>B. Douglas and E. </a:t>
            </a:r>
            <a:r>
              <a:rPr lang="nb-NO" sz="1200" dirty="0" err="1"/>
              <a:t>Karacabeyli</a:t>
            </a:r>
            <a:r>
              <a:rPr lang="nb-NO" sz="1200" dirty="0"/>
              <a:t>, “</a:t>
            </a:r>
            <a:r>
              <a:rPr lang="nb-NO" sz="1200" dirty="0" err="1"/>
              <a:t>Structural</a:t>
            </a:r>
            <a:r>
              <a:rPr lang="nb-NO" sz="1200" dirty="0"/>
              <a:t> design </a:t>
            </a:r>
            <a:r>
              <a:rPr lang="nb-NO" sz="1200" dirty="0" err="1"/>
              <a:t>of</a:t>
            </a:r>
            <a:r>
              <a:rPr lang="nb-NO" sz="1200" dirty="0"/>
              <a:t> cross </a:t>
            </a:r>
            <a:r>
              <a:rPr lang="nb-NO" sz="1200" dirty="0" err="1"/>
              <a:t>laminated</a:t>
            </a:r>
            <a:r>
              <a:rPr lang="nb-NO" sz="1200" dirty="0"/>
              <a:t> </a:t>
            </a:r>
            <a:r>
              <a:rPr lang="nb-NO" sz="1200" dirty="0" err="1"/>
              <a:t>timber</a:t>
            </a:r>
            <a:r>
              <a:rPr lang="nb-NO" sz="1200" dirty="0"/>
              <a:t> elements,”</a:t>
            </a:r>
          </a:p>
          <a:p>
            <a:r>
              <a:rPr lang="nb-NO" sz="1200" dirty="0"/>
              <a:t>in CLT </a:t>
            </a:r>
            <a:r>
              <a:rPr lang="nb-NO" sz="1200" dirty="0" err="1"/>
              <a:t>Handbook</a:t>
            </a:r>
            <a:r>
              <a:rPr lang="nb-NO" sz="1200" dirty="0"/>
              <a:t> – cross-</a:t>
            </a:r>
            <a:r>
              <a:rPr lang="nb-NO" sz="1200" dirty="0" err="1"/>
              <a:t>laminated</a:t>
            </a:r>
            <a:r>
              <a:rPr lang="nb-NO" sz="1200" dirty="0"/>
              <a:t> </a:t>
            </a:r>
            <a:r>
              <a:rPr lang="nb-NO" sz="1200" dirty="0" err="1"/>
              <a:t>timber</a:t>
            </a:r>
            <a:r>
              <a:rPr lang="nb-NO" sz="1200" dirty="0"/>
              <a:t>, US ed. Pointe-Claire, </a:t>
            </a:r>
          </a:p>
          <a:p>
            <a:r>
              <a:rPr lang="nb-NO" sz="1200" dirty="0"/>
              <a:t>QC, Canada: Library and Archives Canada </a:t>
            </a:r>
            <a:r>
              <a:rPr lang="nb-NO" sz="1200" dirty="0" err="1"/>
              <a:t>Cataloguing</a:t>
            </a:r>
            <a:r>
              <a:rPr lang="nb-NO" sz="1200" dirty="0"/>
              <a:t> in </a:t>
            </a:r>
            <a:r>
              <a:rPr lang="nb-NO" sz="1200" dirty="0" err="1"/>
              <a:t>Publication</a:t>
            </a:r>
            <a:r>
              <a:rPr lang="nb-NO" sz="1200" dirty="0"/>
              <a:t>, 2013, Chapter 3, p. 11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graphicFrame>
            <p:nvGraphicFramePr>
              <p:cNvPr id="4" name="Table 3">
                <a:extLst>
                  <a:ext uri="{FF2B5EF4-FFF2-40B4-BE49-F238E27FC236}">
                    <a16:creationId xmlns:a16="http://schemas.microsoft.com/office/drawing/2014/main" id="{ACFC5F9C-A454-A334-7623-E0AD048E3AFA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277674480"/>
                  </p:ext>
                </p:extLst>
              </p:nvPr>
            </p:nvGraphicFramePr>
            <p:xfrm>
              <a:off x="6518494" y="2012795"/>
              <a:ext cx="2876550" cy="748856"/>
            </p:xfrm>
            <a:graphic>
              <a:graphicData uri="http://schemas.openxmlformats.org/drawingml/2006/table">
                <a:tbl>
                  <a:tblPr firstRow="1" firstCol="1" bandRow="1">
                    <a:tableStyleId>{2D5ABB26-0587-4C30-8999-92F81FD0307C}</a:tableStyleId>
                  </a:tblPr>
                  <a:tblGrid>
                    <a:gridCol w="2876550">
                      <a:extLst>
                        <a:ext uri="{9D8B030D-6E8A-4147-A177-3AD203B41FA5}">
                          <a16:colId xmlns:a16="http://schemas.microsoft.com/office/drawing/2014/main" val="1105099686"/>
                        </a:ext>
                      </a:extLst>
                    </a:gridCol>
                  </a:tblGrid>
                  <a:tr h="0">
                    <a:tc>
                      <a:txBody>
                        <a:bodyPr/>
                        <a:lstStyle/>
                        <a:p>
                          <a:pPr algn="ctr">
                            <a:lnSpc>
                              <a:spcPct val="150000"/>
                            </a:lnSpc>
                            <a:buNone/>
                          </a:pPr>
                          <a14:m>
                            <m:oMathPara xmlns:m="http://schemas.openxmlformats.org/officeDocument/2006/math">
                              <m:oMathParaPr>
                                <m:jc m:val="centerGroup"/>
                              </m:oMathParaPr>
                              <m:oMath xmlns:m="http://schemas.openxmlformats.org/officeDocument/2006/math">
                                <m:sSub>
                                  <m:sSubPr>
                                    <m:ctrlPr>
                                      <a:rPr lang="nb-NO" sz="1200" i="1">
                                        <a:effectLst/>
                                        <a:latin typeface="Cambria Math" panose="02040503050406030204" pitchFamily="18" charset="0"/>
                                      </a:rPr>
                                    </m:ctrlPr>
                                  </m:sSubPr>
                                  <m:e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(</m:t>
                                    </m:r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𝐸𝐼</m:t>
                                    </m:r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)</m:t>
                                    </m:r>
                                  </m:e>
                                  <m:sub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𝐴</m:t>
                                    </m:r>
                                  </m:sub>
                                </m:sSub>
                                <m:r>
                                  <a:rPr lang="en-GB" sz="1200">
                                    <a:effectLst/>
                                    <a:latin typeface="Cambria Math" panose="02040503050406030204" pitchFamily="18" charset="0"/>
                                  </a:rPr>
                                  <m:t>= </m:t>
                                </m:r>
                                <m:nary>
                                  <m:naryPr>
                                    <m:chr m:val="∑"/>
                                    <m:limLoc m:val="undOvr"/>
                                    <m:ctrlPr>
                                      <a:rPr lang="nb-NO" sz="1200" i="1">
                                        <a:effectLst/>
                                        <a:latin typeface="Cambria Math" panose="02040503050406030204" pitchFamily="18" charset="0"/>
                                      </a:rPr>
                                    </m:ctrlPr>
                                  </m:naryPr>
                                  <m:sub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𝑖</m:t>
                                    </m:r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=1</m:t>
                                    </m:r>
                                  </m:sub>
                                  <m:sup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𝑛</m:t>
                                    </m:r>
                                  </m:sup>
                                  <m:e>
                                    <m:sSub>
                                      <m:sSubPr>
                                        <m:ctrlPr>
                                          <a:rPr lang="nb-NO" sz="1200" i="1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GB" sz="120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  <m:t>𝐸</m:t>
                                        </m:r>
                                      </m:e>
                                      <m:sub>
                                        <m:r>
                                          <a:rPr lang="en-GB" sz="120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  <m:t>𝑖</m:t>
                                        </m:r>
                                      </m:sub>
                                    </m:sSub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∙</m:t>
                                    </m:r>
                                    <m:sSub>
                                      <m:sSubPr>
                                        <m:ctrlPr>
                                          <a:rPr lang="nb-NO" sz="1200" i="1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sSubPr>
                                      <m:e>
                                        <m:r>
                                          <a:rPr lang="en-GB" sz="120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  <m:t>𝐼</m:t>
                                        </m:r>
                                      </m:e>
                                      <m:sub>
                                        <m:r>
                                          <a:rPr lang="en-GB" sz="120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  <m:t>𝑖</m:t>
                                        </m:r>
                                      </m:sub>
                                    </m:sSub>
                                    <m:r>
                                      <a:rPr lang="en-GB" sz="1200">
                                        <a:effectLst/>
                                        <a:latin typeface="Cambria Math" panose="02040503050406030204" pitchFamily="18" charset="0"/>
                                      </a:rPr>
                                      <m:t>=</m:t>
                                    </m:r>
                                    <m:nary>
                                      <m:naryPr>
                                        <m:chr m:val="∑"/>
                                        <m:limLoc m:val="undOvr"/>
                                        <m:ctrlPr>
                                          <a:rPr lang="nb-NO" sz="1200" i="1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</m:ctrlPr>
                                      </m:naryPr>
                                      <m:sub>
                                        <m:r>
                                          <a:rPr lang="en-GB" sz="120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  <m:t>𝑖</m:t>
                                        </m:r>
                                        <m:r>
                                          <a:rPr lang="en-GB" sz="120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  <m:t>=1</m:t>
                                        </m:r>
                                      </m:sub>
                                      <m:sup>
                                        <m:r>
                                          <a:rPr lang="en-GB" sz="120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  <m:t>𝑛</m:t>
                                        </m:r>
                                      </m:sup>
                                      <m:e>
                                        <m:sSub>
                                          <m:sSubPr>
                                            <m:ctrlPr>
                                              <a:rPr lang="nb-NO" sz="1200" i="1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𝐸</m:t>
                                            </m:r>
                                          </m:e>
                                          <m:sub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𝑖</m:t>
                                            </m:r>
                                          </m:sub>
                                        </m:sSub>
                                        <m:r>
                                          <a:rPr lang="en-GB" sz="120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  <m:t>∙</m:t>
                                        </m:r>
                                        <m:sSub>
                                          <m:sSubPr>
                                            <m:ctrlPr>
                                              <a:rPr lang="nb-NO" sz="1200" i="1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sSubPr>
                                          <m:e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𝑏</m:t>
                                            </m:r>
                                          </m:e>
                                          <m:sub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𝑖</m:t>
                                            </m:r>
                                          </m:sub>
                                        </m:sSub>
                                        <m:r>
                                          <a:rPr lang="en-GB" sz="1200">
                                            <a:effectLst/>
                                            <a:latin typeface="Cambria Math" panose="02040503050406030204" pitchFamily="18" charset="0"/>
                                          </a:rPr>
                                          <m:t>∙</m:t>
                                        </m:r>
                                        <m:f>
                                          <m:fPr>
                                            <m:ctrlPr>
                                              <a:rPr lang="nb-NO" sz="1200" i="1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</m:ctrlPr>
                                          </m:fPr>
                                          <m:num>
                                            <m:sSup>
                                              <m:sSupPr>
                                                <m:ctrlPr>
                                                  <a:rPr lang="nb-NO" sz="1200" i="1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</m:ctrlPr>
                                              </m:sSupPr>
                                              <m:e>
                                                <m:sSub>
                                                  <m:sSubPr>
                                                    <m:ctrlPr>
                                                      <a:rPr lang="nb-NO" sz="1200" i="1">
                                                        <a:effectLst/>
                                                        <a:latin typeface="Cambria Math" panose="02040503050406030204" pitchFamily="18" charset="0"/>
                                                      </a:rPr>
                                                    </m:ctrlPr>
                                                  </m:sSubPr>
                                                  <m:e>
                                                    <m:r>
                                                      <a:rPr lang="en-GB" sz="1200">
                                                        <a:effectLst/>
                                                        <a:latin typeface="Cambria Math" panose="02040503050406030204" pitchFamily="18" charset="0"/>
                                                      </a:rPr>
                                                      <m:t>h</m:t>
                                                    </m:r>
                                                  </m:e>
                                                  <m:sub>
                                                    <m:r>
                                                      <a:rPr lang="en-GB" sz="1200">
                                                        <a:effectLst/>
                                                        <a:latin typeface="Cambria Math" panose="02040503050406030204" pitchFamily="18" charset="0"/>
                                                      </a:rPr>
                                                      <m:t>𝑖</m:t>
                                                    </m:r>
                                                  </m:sub>
                                                </m:sSub>
                                              </m:e>
                                              <m:sup>
                                                <m:r>
                                                  <a:rPr lang="en-GB" sz="1200">
                                                    <a:effectLst/>
                                                    <a:latin typeface="Cambria Math" panose="02040503050406030204" pitchFamily="18" charset="0"/>
                                                  </a:rPr>
                                                  <m:t>3</m:t>
                                                </m:r>
                                              </m:sup>
                                            </m:sSup>
                                          </m:num>
                                          <m:den>
                                            <m:r>
                                              <a:rPr lang="en-GB" sz="1200">
                                                <a:effectLst/>
                                                <a:latin typeface="Cambria Math" panose="02040503050406030204" pitchFamily="18" charset="0"/>
                                              </a:rPr>
                                              <m:t>12</m:t>
                                            </m:r>
                                          </m:den>
                                        </m:f>
                                      </m:e>
                                    </m:nary>
                                  </m:e>
                                </m:nary>
                              </m:oMath>
                            </m:oMathPara>
                          </a14:m>
                          <a:endParaRPr lang="nb-NO" sz="1200" dirty="0">
                            <a:effectLst/>
                            <a:latin typeface="Times New Roman" panose="02020603050405020304" pitchFamily="18" charset="0"/>
                            <a:ea typeface="Times New Roman" panose="02020603050405020304" pitchFamily="18" charset="0"/>
                            <a:cs typeface="Times New Roman" panose="02020603050405020304" pitchFamily="18" charset="0"/>
                          </a:endParaRPr>
                        </a:p>
                      </a:txBody>
                      <a:tcPr marL="68580" marR="68580" marT="0" marB="0" anchor="ctr"/>
                    </a:tc>
                    <a:extLst>
                      <a:ext uri="{0D108BD9-81ED-4DB2-BD59-A6C34878D82A}">
                        <a16:rowId xmlns:a16="http://schemas.microsoft.com/office/drawing/2014/main" val="24068267"/>
                      </a:ext>
                    </a:extLst>
                  </a:tr>
                </a:tbl>
              </a:graphicData>
            </a:graphic>
          </p:graphicFrame>
        </mc:Choice>
        <mc:Fallback xmlns="">
          <p:graphicFrame>
            <p:nvGraphicFramePr>
              <p:cNvPr id="4" name="Table 3">
                <a:extLst>
                  <a:ext uri="{FF2B5EF4-FFF2-40B4-BE49-F238E27FC236}">
                    <a16:creationId xmlns:a16="http://schemas.microsoft.com/office/drawing/2014/main" id="{ACFC5F9C-A454-A334-7623-E0AD048E3AFA}"/>
                  </a:ext>
                </a:extLst>
              </p:cNvPr>
              <p:cNvGraphicFramePr>
                <a:graphicFrameLocks noGrp="1"/>
              </p:cNvGraphicFramePr>
              <p:nvPr>
                <p:extLst>
                  <p:ext uri="{D42A27DB-BD31-4B8C-83A1-F6EECF244321}">
                    <p14:modId xmlns:p14="http://schemas.microsoft.com/office/powerpoint/2010/main" val="2277674480"/>
                  </p:ext>
                </p:extLst>
              </p:nvPr>
            </p:nvGraphicFramePr>
            <p:xfrm>
              <a:off x="6518494" y="2012795"/>
              <a:ext cx="2876550" cy="744855"/>
            </p:xfrm>
            <a:graphic>
              <a:graphicData uri="http://schemas.openxmlformats.org/drawingml/2006/table">
                <a:tbl>
                  <a:tblPr firstRow="1" firstCol="1" bandRow="1">
                    <a:tableStyleId>{2D5ABB26-0587-4C30-8999-92F81FD0307C}</a:tableStyleId>
                  </a:tblPr>
                  <a:tblGrid>
                    <a:gridCol w="2876550">
                      <a:extLst>
                        <a:ext uri="{9D8B030D-6E8A-4147-A177-3AD203B41FA5}">
                          <a16:colId xmlns:a16="http://schemas.microsoft.com/office/drawing/2014/main" val="1105099686"/>
                        </a:ext>
                      </a:extLst>
                    </a:gridCol>
                  </a:tblGrid>
                  <a:tr h="744855">
                    <a:tc>
                      <a:txBody>
                        <a:bodyPr/>
                        <a:lstStyle/>
                        <a:p>
                          <a:endParaRPr lang="nb-NO"/>
                        </a:p>
                      </a:txBody>
                      <a:tcPr marL="68580" marR="68580" marT="0" marB="0" anchor="ctr">
                        <a:blipFill>
                          <a:blip r:embed="rId3"/>
                          <a:stretch>
                            <a:fillRect/>
                          </a:stretch>
                        </a:blipFill>
                      </a:tcPr>
                    </a:tc>
                    <a:extLst>
                      <a:ext uri="{0D108BD9-81ED-4DB2-BD59-A6C34878D82A}">
                        <a16:rowId xmlns:a16="http://schemas.microsoft.com/office/drawing/2014/main" val="24068267"/>
                      </a:ext>
                    </a:extLst>
                  </a:tr>
                </a:tbl>
              </a:graphicData>
            </a:graphic>
          </p:graphicFrame>
        </mc:Fallback>
      </mc:AlternateContent>
    </p:spTree>
    <p:extLst>
      <p:ext uri="{BB962C8B-B14F-4D97-AF65-F5344CB8AC3E}">
        <p14:creationId xmlns:p14="http://schemas.microsoft.com/office/powerpoint/2010/main" val="85583264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5F0E6747-E01A-7EE2-E81F-C8B1AF10123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endParaRPr lang="en-GB" sz="2000" noProof="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GB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2000" noProof="0" dirty="0"/>
              <a:t>Short-</a:t>
            </a:r>
            <a:r>
              <a:rPr lang="en-GB" sz="2000" noProof="0" dirty="0" err="1"/>
              <a:t>ter</a:t>
            </a:r>
            <a:r>
              <a:rPr lang="en-GB" sz="2000" dirty="0"/>
              <a:t>m verifica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2000" noProof="0" dirty="0"/>
              <a:t>Long</a:t>
            </a:r>
            <a:r>
              <a:rPr lang="en-GB" sz="2000" dirty="0"/>
              <a:t>-term verificatio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sz="2000" noProof="0" dirty="0"/>
              <a:t>Alternative theoretical verification</a:t>
            </a:r>
          </a:p>
          <a:p>
            <a:endParaRPr lang="nb-NO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A589798-5E53-7399-4E5B-597501339E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 dirty="0"/>
              <a:t>6. Theoretical prediction of load capacity and displacement (con.)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15508702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D9132A1-F2D3-DEF1-F90C-E515995B439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4" name="Content Placeholder 13">
            <a:extLst>
              <a:ext uri="{FF2B5EF4-FFF2-40B4-BE49-F238E27FC236}">
                <a16:creationId xmlns:a16="http://schemas.microsoft.com/office/drawing/2014/main" id="{35210C5D-2B38-37CE-571C-543D065D1085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540592622"/>
              </p:ext>
            </p:extLst>
          </p:nvPr>
        </p:nvGraphicFramePr>
        <p:xfrm>
          <a:off x="306754" y="1463309"/>
          <a:ext cx="11377139" cy="5135880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4320000">
                  <a:extLst>
                    <a:ext uri="{9D8B030D-6E8A-4147-A177-3AD203B41FA5}">
                      <a16:colId xmlns:a16="http://schemas.microsoft.com/office/drawing/2014/main" val="1129885026"/>
                    </a:ext>
                  </a:extLst>
                </a:gridCol>
                <a:gridCol w="882000">
                  <a:extLst>
                    <a:ext uri="{9D8B030D-6E8A-4147-A177-3AD203B41FA5}">
                      <a16:colId xmlns:a16="http://schemas.microsoft.com/office/drawing/2014/main" val="727207310"/>
                    </a:ext>
                  </a:extLst>
                </a:gridCol>
                <a:gridCol w="882000">
                  <a:extLst>
                    <a:ext uri="{9D8B030D-6E8A-4147-A177-3AD203B41FA5}">
                      <a16:colId xmlns:a16="http://schemas.microsoft.com/office/drawing/2014/main" val="123866538"/>
                    </a:ext>
                  </a:extLst>
                </a:gridCol>
                <a:gridCol w="882000">
                  <a:extLst>
                    <a:ext uri="{9D8B030D-6E8A-4147-A177-3AD203B41FA5}">
                      <a16:colId xmlns:a16="http://schemas.microsoft.com/office/drawing/2014/main" val="1307365535"/>
                    </a:ext>
                  </a:extLst>
                </a:gridCol>
                <a:gridCol w="882000">
                  <a:extLst>
                    <a:ext uri="{9D8B030D-6E8A-4147-A177-3AD203B41FA5}">
                      <a16:colId xmlns:a16="http://schemas.microsoft.com/office/drawing/2014/main" val="1433643355"/>
                    </a:ext>
                  </a:extLst>
                </a:gridCol>
                <a:gridCol w="882000">
                  <a:extLst>
                    <a:ext uri="{9D8B030D-6E8A-4147-A177-3AD203B41FA5}">
                      <a16:colId xmlns:a16="http://schemas.microsoft.com/office/drawing/2014/main" val="326458661"/>
                    </a:ext>
                  </a:extLst>
                </a:gridCol>
                <a:gridCol w="882000">
                  <a:extLst>
                    <a:ext uri="{9D8B030D-6E8A-4147-A177-3AD203B41FA5}">
                      <a16:colId xmlns:a16="http://schemas.microsoft.com/office/drawing/2014/main" val="3803488991"/>
                    </a:ext>
                  </a:extLst>
                </a:gridCol>
                <a:gridCol w="883139">
                  <a:extLst>
                    <a:ext uri="{9D8B030D-6E8A-4147-A177-3AD203B41FA5}">
                      <a16:colId xmlns:a16="http://schemas.microsoft.com/office/drawing/2014/main" val="3196084579"/>
                    </a:ext>
                  </a:extLst>
                </a:gridCol>
                <a:gridCol w="882000">
                  <a:extLst>
                    <a:ext uri="{9D8B030D-6E8A-4147-A177-3AD203B41FA5}">
                      <a16:colId xmlns:a16="http://schemas.microsoft.com/office/drawing/2014/main" val="1538761305"/>
                    </a:ext>
                  </a:extLst>
                </a:gridCol>
              </a:tblGrid>
              <a:tr h="370840">
                <a:tc rowSpan="3">
                  <a:txBody>
                    <a:bodyPr/>
                    <a:lstStyle/>
                    <a:p>
                      <a:r>
                        <a:rPr lang="en-US" dirty="0"/>
                        <a:t>TYPE OF THEORETICAL APPROACH</a:t>
                      </a:r>
                      <a:endParaRPr lang="nb-NO" dirty="0"/>
                    </a:p>
                  </a:txBody>
                  <a:tcPr vert="vert270">
                    <a:solidFill>
                      <a:schemeClr val="tx2"/>
                    </a:solidFill>
                  </a:tcPr>
                </a:tc>
                <a:tc gridSpan="4">
                  <a:txBody>
                    <a:bodyPr/>
                    <a:lstStyle/>
                    <a:p>
                      <a:r>
                        <a:rPr lang="en-US" dirty="0"/>
                        <a:t>SHORT-TERM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nb-NO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nb-NO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gridSpan="4">
                  <a:txBody>
                    <a:bodyPr/>
                    <a:lstStyle/>
                    <a:p>
                      <a:r>
                        <a:rPr lang="en-US" dirty="0"/>
                        <a:t>LONG-TERM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nb-NO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nb-NO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nb-NO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64635650"/>
                  </a:ext>
                </a:extLst>
              </a:tr>
              <a:tr h="370840">
                <a:tc vMerge="1">
                  <a:txBody>
                    <a:bodyPr/>
                    <a:lstStyle/>
                    <a:p>
                      <a:endParaRPr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gridSpan="2">
                  <a:txBody>
                    <a:bodyPr/>
                    <a:lstStyle/>
                    <a:p>
                      <a:r>
                        <a:rPr lang="en-US" dirty="0"/>
                        <a:t>LOAD </a:t>
                      </a:r>
                      <a:r>
                        <a:rPr lang="en-US"/>
                        <a:t>CAPACITY </a:t>
                      </a:r>
                    </a:p>
                    <a:p>
                      <a:r>
                        <a:rPr lang="en-US"/>
                        <a:t>(</a:t>
                      </a:r>
                      <a:r>
                        <a:rPr lang="en-US" dirty="0" err="1"/>
                        <a:t>kN</a:t>
                      </a:r>
                      <a:r>
                        <a:rPr lang="en-US" dirty="0"/>
                        <a:t>)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gridSpan="2">
                  <a:txBody>
                    <a:bodyPr/>
                    <a:lstStyle/>
                    <a:p>
                      <a:r>
                        <a:rPr lang="en-US" dirty="0"/>
                        <a:t>DISPLACEMENT (mm)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gridSpan="2">
                  <a:txBody>
                    <a:bodyPr/>
                    <a:lstStyle/>
                    <a:p>
                      <a:r>
                        <a:rPr lang="en-US" dirty="0"/>
                        <a:t>LOAD CAPACITY </a:t>
                      </a:r>
                    </a:p>
                    <a:p>
                      <a:r>
                        <a:rPr lang="en-US" dirty="0"/>
                        <a:t>(</a:t>
                      </a:r>
                      <a:r>
                        <a:rPr lang="en-US" dirty="0" err="1"/>
                        <a:t>kN</a:t>
                      </a:r>
                      <a:r>
                        <a:rPr lang="en-US" dirty="0"/>
                        <a:t>)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gridSpan="2">
                  <a:txBody>
                    <a:bodyPr/>
                    <a:lstStyle/>
                    <a:p>
                      <a:r>
                        <a:rPr lang="en-US" dirty="0"/>
                        <a:t>DISPLACEMENT (mm)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30094451"/>
                  </a:ext>
                </a:extLst>
              </a:tr>
              <a:tr h="370840">
                <a:tc v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A -</a:t>
                      </a:r>
                    </a:p>
                    <a:p>
                      <a:r>
                        <a:rPr lang="en-US" dirty="0"/>
                        <a:t>CTC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B - </a:t>
                      </a:r>
                    </a:p>
                    <a:p>
                      <a:r>
                        <a:rPr lang="en-US" dirty="0"/>
                        <a:t>KOP </a:t>
                      </a:r>
                      <a:endParaRPr lang="nb-NO" dirty="0"/>
                    </a:p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A -</a:t>
                      </a:r>
                    </a:p>
                    <a:p>
                      <a:r>
                        <a:rPr lang="en-US" dirty="0"/>
                        <a:t>CTC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B - </a:t>
                      </a:r>
                    </a:p>
                    <a:p>
                      <a:r>
                        <a:rPr lang="en-US" dirty="0"/>
                        <a:t>KOP 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A -</a:t>
                      </a:r>
                    </a:p>
                    <a:p>
                      <a:r>
                        <a:rPr lang="en-US" dirty="0"/>
                        <a:t>CTC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B - </a:t>
                      </a:r>
                    </a:p>
                    <a:p>
                      <a:r>
                        <a:rPr lang="en-US" dirty="0"/>
                        <a:t>KOP 3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A -</a:t>
                      </a:r>
                    </a:p>
                    <a:p>
                      <a:r>
                        <a:rPr lang="en-US" dirty="0"/>
                        <a:t>CTC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B - </a:t>
                      </a:r>
                    </a:p>
                    <a:p>
                      <a:r>
                        <a:rPr lang="en-US" dirty="0"/>
                        <a:t>KOP 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33272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CONVENTIONAL APPROACH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75.68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82.96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61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73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17.65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15.52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7.91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8.51</a:t>
                      </a:r>
                      <a:endParaRPr lang="nb-NO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998959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FAILURE OF TOP CLT (M3)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36.52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33.90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9.86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0.13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88.88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16.04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8.34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8.82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3146876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FAILURE OF BOTTOM CLT (M4)</a:t>
                      </a:r>
                      <a:endParaRPr lang="nb-NO" dirty="0"/>
                    </a:p>
                    <a:p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77.93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66.44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4.36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3.82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53.93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43.62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6.33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5.41</a:t>
                      </a:r>
                      <a:endParaRPr lang="nb-NO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3723128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CONVENTIONAL APPROACH USING B45 CONCRETE STRENGTH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94.35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91.99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6.86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6.33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20.07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17.23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8.33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8.81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7079121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CONVENTIONAL APPROACH USING AVERAGE CONCRETE STRENGTH</a:t>
                      </a:r>
                      <a:endParaRPr lang="nb-NO" dirty="0"/>
                    </a:p>
                    <a:p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36.51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/>
                        <a:t>133.90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9.85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5.41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18.88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16.03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8.34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8.82</a:t>
                      </a:r>
                      <a:endParaRPr lang="nb-NO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95073317"/>
                  </a:ext>
                </a:extLst>
              </a:tr>
            </a:tbl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EFE330D8-30A4-29A5-3D1A-2E259FEE214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 dirty="0"/>
              <a:t>6. Theoretical prediction of load capacity and displacement (con.)</a:t>
            </a:r>
          </a:p>
        </p:txBody>
      </p:sp>
    </p:spTree>
    <p:extLst>
      <p:ext uri="{BB962C8B-B14F-4D97-AF65-F5344CB8AC3E}">
        <p14:creationId xmlns:p14="http://schemas.microsoft.com/office/powerpoint/2010/main" val="190472672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4483A28-6A9F-E7BA-73DC-3F37D167D22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F2187B8E-BEEC-096D-1602-21F295F88BE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Observed failure scenarios</a:t>
            </a:r>
          </a:p>
          <a:p>
            <a:r>
              <a:rPr lang="en-GB" noProof="0" dirty="0"/>
              <a:t>Limitations</a:t>
            </a:r>
          </a:p>
          <a:p>
            <a:r>
              <a:rPr lang="en-GB" dirty="0"/>
              <a:t>Comparison of the theoretical and experimental results</a:t>
            </a:r>
            <a:endParaRPr lang="en-GB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608C030F-16B7-BE0D-1508-5F664B83865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 dirty="0"/>
              <a:t>7. Discussion and comparison of the result</a:t>
            </a:r>
          </a:p>
        </p:txBody>
      </p:sp>
    </p:spTree>
    <p:extLst>
      <p:ext uri="{BB962C8B-B14F-4D97-AF65-F5344CB8AC3E}">
        <p14:creationId xmlns:p14="http://schemas.microsoft.com/office/powerpoint/2010/main" val="367008515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B0A09FF-6F5B-3105-30C8-95ED1EBF5EC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BB7D1D32-ABEA-5085-4071-92F95363BC7F}"/>
              </a:ext>
            </a:extLst>
          </p:cNvPr>
          <p:cNvSpPr>
            <a:spLocks noGrp="1"/>
          </p:cNvSpPr>
          <p:nvPr>
            <p:ph type="body" idx="19"/>
          </p:nvPr>
        </p:nvSpPr>
        <p:spPr/>
        <p:txBody>
          <a:bodyPr/>
          <a:lstStyle/>
          <a:p>
            <a:r>
              <a:rPr lang="en-US" sz="1800" dirty="0"/>
              <a:t>Finger joint and knot failure in the timber</a:t>
            </a:r>
            <a:endParaRPr lang="nb-NO" sz="1800" dirty="0"/>
          </a:p>
        </p:txBody>
      </p:sp>
      <p:sp>
        <p:nvSpPr>
          <p:cNvPr id="31" name="Text Placeholder 30">
            <a:extLst>
              <a:ext uri="{FF2B5EF4-FFF2-40B4-BE49-F238E27FC236}">
                <a16:creationId xmlns:a16="http://schemas.microsoft.com/office/drawing/2014/main" id="{704EEFE0-6766-E3D6-9A6E-064A300F83E3}"/>
              </a:ext>
            </a:extLst>
          </p:cNvPr>
          <p:cNvSpPr>
            <a:spLocks noGrp="1"/>
          </p:cNvSpPr>
          <p:nvPr>
            <p:ph type="body" idx="21"/>
          </p:nvPr>
        </p:nvSpPr>
        <p:spPr/>
        <p:txBody>
          <a:bodyPr/>
          <a:lstStyle/>
          <a:p>
            <a:r>
              <a:rPr lang="en-US" sz="1800" dirty="0"/>
              <a:t>Cracks in both timber and concrete</a:t>
            </a:r>
            <a:endParaRPr lang="nb-NO" sz="1800" dirty="0"/>
          </a:p>
        </p:txBody>
      </p:sp>
      <p:sp>
        <p:nvSpPr>
          <p:cNvPr id="33" name="Text Placeholder 32">
            <a:extLst>
              <a:ext uri="{FF2B5EF4-FFF2-40B4-BE49-F238E27FC236}">
                <a16:creationId xmlns:a16="http://schemas.microsoft.com/office/drawing/2014/main" id="{4512195B-D542-FC3D-5F44-C7E0447F9399}"/>
              </a:ext>
            </a:extLst>
          </p:cNvPr>
          <p:cNvSpPr>
            <a:spLocks noGrp="1"/>
          </p:cNvSpPr>
          <p:nvPr>
            <p:ph type="body" idx="23"/>
          </p:nvPr>
        </p:nvSpPr>
        <p:spPr/>
        <p:txBody>
          <a:bodyPr/>
          <a:lstStyle/>
          <a:p>
            <a:r>
              <a:rPr lang="en-US" sz="1800" dirty="0"/>
              <a:t>Stability of slab A with CTC screws after four point bending test</a:t>
            </a:r>
            <a:endParaRPr lang="nb-NO" sz="1800" dirty="0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9275B286-0758-3A61-2181-9C0AAE30A528}"/>
              </a:ext>
            </a:extLst>
          </p:cNvPr>
          <p:cNvSpPr>
            <a:spLocks noGrp="1"/>
          </p:cNvSpPr>
          <p:nvPr>
            <p:ph type="body" idx="25"/>
          </p:nvPr>
        </p:nvSpPr>
        <p:spPr/>
        <p:txBody>
          <a:bodyPr/>
          <a:lstStyle/>
          <a:p>
            <a:r>
              <a:rPr lang="en-US" sz="1800" dirty="0"/>
              <a:t>Stability of slab B with KOP screws after four point bending test</a:t>
            </a:r>
            <a:endParaRPr lang="nb-NO" sz="180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A668DE6-E67A-793F-5279-84A3C774629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 dirty="0"/>
              <a:t>7. Discussion and comparison of the result (con.)</a:t>
            </a:r>
            <a:br>
              <a:rPr lang="en-GB" noProof="0" dirty="0"/>
            </a:br>
            <a:r>
              <a:rPr lang="en-GB" noProof="0" dirty="0"/>
              <a:t>- </a:t>
            </a:r>
            <a:r>
              <a:rPr lang="en-GB" sz="3200" dirty="0"/>
              <a:t>Observed failure scenarios</a:t>
            </a:r>
            <a:br>
              <a:rPr lang="en-GB" sz="3200" dirty="0"/>
            </a:br>
            <a:endParaRPr lang="en-GB" noProof="0" dirty="0"/>
          </a:p>
        </p:txBody>
      </p:sp>
      <p:pic>
        <p:nvPicPr>
          <p:cNvPr id="37" name="Picture Placeholder 36">
            <a:extLst>
              <a:ext uri="{FF2B5EF4-FFF2-40B4-BE49-F238E27FC236}">
                <a16:creationId xmlns:a16="http://schemas.microsoft.com/office/drawing/2014/main" id="{18211AD4-B7FD-CAEF-FDC3-CB6152D1DEF9}"/>
              </a:ext>
            </a:extLst>
          </p:cNvPr>
          <p:cNvPicPr>
            <a:picLocks noGrp="1" noChangeAspect="1"/>
          </p:cNvPicPr>
          <p:nvPr>
            <p:ph type="pic" sz="quarter" idx="2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161" r="30661"/>
          <a:stretch/>
        </p:blipFill>
        <p:spPr>
          <a:xfrm>
            <a:off x="640856" y="2268000"/>
            <a:ext cx="2681333" cy="3315723"/>
          </a:xfrm>
        </p:spPr>
      </p:pic>
      <p:pic>
        <p:nvPicPr>
          <p:cNvPr id="47" name="Picture Placeholder 46">
            <a:extLst>
              <a:ext uri="{FF2B5EF4-FFF2-40B4-BE49-F238E27FC236}">
                <a16:creationId xmlns:a16="http://schemas.microsoft.com/office/drawing/2014/main" id="{520BAE26-5767-341D-32AB-D9F1926AB180}"/>
              </a:ext>
            </a:extLst>
          </p:cNvPr>
          <p:cNvPicPr>
            <a:picLocks noGrp="1" noChangeAspect="1"/>
          </p:cNvPicPr>
          <p:nvPr>
            <p:ph type="pic" sz="quarter" idx="27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8550" r="28550"/>
          <a:stretch/>
        </p:blipFill>
        <p:spPr/>
      </p:pic>
      <p:pic>
        <p:nvPicPr>
          <p:cNvPr id="41" name="Picture Placeholder 40" descr="A wood shelf with a piece of wood&#10;&#10;AI-generated content may be incorrect.">
            <a:extLst>
              <a:ext uri="{FF2B5EF4-FFF2-40B4-BE49-F238E27FC236}">
                <a16:creationId xmlns:a16="http://schemas.microsoft.com/office/drawing/2014/main" id="{5338824C-0473-4DA4-9577-92998C30E12A}"/>
              </a:ext>
            </a:extLst>
          </p:cNvPr>
          <p:cNvPicPr>
            <a:picLocks noGrp="1" noChangeAspect="1"/>
          </p:cNvPicPr>
          <p:nvPr>
            <p:ph type="pic" sz="quarter" idx="24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8970" r="28970"/>
          <a:stretch>
            <a:fillRect/>
          </a:stretch>
        </p:blipFill>
        <p:spPr/>
      </p:pic>
      <p:pic>
        <p:nvPicPr>
          <p:cNvPr id="51" name="Picture Placeholder 50" descr="A wood beam with screws in it&#10;&#10;AI-generated content may be incorrect.">
            <a:extLst>
              <a:ext uri="{FF2B5EF4-FFF2-40B4-BE49-F238E27FC236}">
                <a16:creationId xmlns:a16="http://schemas.microsoft.com/office/drawing/2014/main" id="{429ABAB1-F3A8-B0CB-CA11-B41FF01D11F5}"/>
              </a:ext>
            </a:extLst>
          </p:cNvPr>
          <p:cNvPicPr>
            <a:picLocks noGrp="1" noChangeAspect="1"/>
          </p:cNvPicPr>
          <p:nvPr>
            <p:ph type="pic" sz="quarter" idx="26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318" r="17318"/>
          <a:stretch>
            <a:fillRect/>
          </a:stretch>
        </p:blipFill>
        <p:spPr/>
      </p:pic>
    </p:spTree>
    <p:extLst>
      <p:ext uri="{BB962C8B-B14F-4D97-AF65-F5344CB8AC3E}">
        <p14:creationId xmlns:p14="http://schemas.microsoft.com/office/powerpoint/2010/main" val="78467418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2" name="Text Placeholder 5">
            <a:extLst>
              <a:ext uri="{FF2B5EF4-FFF2-40B4-BE49-F238E27FC236}">
                <a16:creationId xmlns:a16="http://schemas.microsoft.com/office/drawing/2014/main" id="{2302502A-3294-1542-344A-CF4B40681C4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9" y="4716000"/>
            <a:ext cx="3431924" cy="1512000"/>
          </a:xfrm>
        </p:spPr>
        <p:txBody>
          <a:bodyPr>
            <a:norm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Concrete mix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Definition of failur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/>
              <a:t>Theoretical vs. experimental predictions – long term </a:t>
            </a:r>
          </a:p>
        </p:txBody>
      </p:sp>
      <p:sp>
        <p:nvSpPr>
          <p:cNvPr id="78" name="Text Placeholder 4">
            <a:extLst>
              <a:ext uri="{FF2B5EF4-FFF2-40B4-BE49-F238E27FC236}">
                <a16:creationId xmlns:a16="http://schemas.microsoft.com/office/drawing/2014/main" id="{9D0A20E9-5CCE-0C8E-8BBF-D3D4BC8BA5E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135566" y="1440000"/>
            <a:ext cx="3354386" cy="601370"/>
          </a:xfrm>
        </p:spPr>
        <p:txBody>
          <a:bodyPr/>
          <a:lstStyle/>
          <a:p>
            <a:r>
              <a:rPr lang="en-US" sz="1800" dirty="0"/>
              <a:t>Correct orientation of lamellae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A00A398E-0936-683D-41BB-B8D5D8C67D26}"/>
              </a:ext>
            </a:extLst>
          </p:cNvPr>
          <p:cNvSpPr>
            <a:spLocks noGrp="1"/>
          </p:cNvSpPr>
          <p:nvPr>
            <p:ph type="body" idx="17"/>
          </p:nvPr>
        </p:nvSpPr>
        <p:spPr>
          <a:xfrm>
            <a:off x="4421750" y="1440000"/>
            <a:ext cx="3431924" cy="601370"/>
          </a:xfrm>
        </p:spPr>
        <p:txBody>
          <a:bodyPr anchor="b">
            <a:normAutofit/>
          </a:bodyPr>
          <a:lstStyle/>
          <a:p>
            <a:r>
              <a:rPr lang="en-US" sz="1800" dirty="0"/>
              <a:t>Incorrect orientation of lamellae</a:t>
            </a:r>
          </a:p>
        </p:txBody>
      </p:sp>
      <p:sp>
        <p:nvSpPr>
          <p:cNvPr id="38" name="Text Placeholder 3">
            <a:extLst>
              <a:ext uri="{FF2B5EF4-FFF2-40B4-BE49-F238E27FC236}">
                <a16:creationId xmlns:a16="http://schemas.microsoft.com/office/drawing/2014/main" id="{3128448F-C136-9125-BE2D-B99AAD8E82B0}"/>
              </a:ext>
            </a:extLst>
          </p:cNvPr>
          <p:cNvSpPr>
            <a:spLocks noGrp="1"/>
          </p:cNvSpPr>
          <p:nvPr>
            <p:ph type="body" idx="18"/>
          </p:nvPr>
        </p:nvSpPr>
        <p:spPr>
          <a:xfrm>
            <a:off x="838200" y="1540630"/>
            <a:ext cx="3431924" cy="601370"/>
          </a:xfrm>
        </p:spPr>
        <p:txBody>
          <a:bodyPr anchor="b">
            <a:normAutofit/>
          </a:bodyPr>
          <a:lstStyle/>
          <a:p>
            <a:r>
              <a:rPr lang="en-US" sz="1800" dirty="0"/>
              <a:t>Length 	</a:t>
            </a:r>
          </a:p>
        </p:txBody>
      </p:sp>
      <p:pic>
        <p:nvPicPr>
          <p:cNvPr id="35" name="Picture Placeholder 34">
            <a:extLst>
              <a:ext uri="{FF2B5EF4-FFF2-40B4-BE49-F238E27FC236}">
                <a16:creationId xmlns:a16="http://schemas.microsoft.com/office/drawing/2014/main" id="{5F150280-9DC1-016A-FBE9-4DF9BD4D5C32}"/>
              </a:ext>
            </a:extLst>
          </p:cNvPr>
          <p:cNvPicPr>
            <a:picLocks noGrp="1" noChangeAspect="1"/>
          </p:cNvPicPr>
          <p:nvPr>
            <p:ph type="pic" sz="quarter" idx="2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1917" r="31917"/>
          <a:stretch/>
        </p:blipFill>
        <p:spPr>
          <a:xfrm>
            <a:off x="4286226" y="2319492"/>
            <a:ext cx="3432174" cy="2451127"/>
          </a:xfrm>
          <a:noFill/>
        </p:spPr>
      </p:pic>
      <p:sp>
        <p:nvSpPr>
          <p:cNvPr id="14" name="Title 13">
            <a:extLst>
              <a:ext uri="{FF2B5EF4-FFF2-40B4-BE49-F238E27FC236}">
                <a16:creationId xmlns:a16="http://schemas.microsoft.com/office/drawing/2014/main" id="{602147A2-873D-D1E0-9055-6C2904881C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416372"/>
            <a:ext cx="10515600" cy="946766"/>
          </a:xfrm>
        </p:spPr>
        <p:txBody>
          <a:bodyPr anchor="t">
            <a:normAutofit/>
          </a:bodyPr>
          <a:lstStyle/>
          <a:p>
            <a:r>
              <a:rPr lang="en-GB" sz="3000" noProof="0" dirty="0"/>
              <a:t>7. Discussion and comparison of the result (con.)</a:t>
            </a:r>
            <a:br>
              <a:rPr lang="en-GB" sz="3000" noProof="0" dirty="0"/>
            </a:br>
            <a:r>
              <a:rPr lang="en-GB" sz="3000" noProof="0" dirty="0"/>
              <a:t>- </a:t>
            </a:r>
            <a:r>
              <a:rPr lang="en-GB" sz="3000" dirty="0"/>
              <a:t>Limitations of provided material</a:t>
            </a:r>
            <a:endParaRPr lang="nb-NO" sz="3000" dirty="0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79C0D37B-6B87-40BD-4BD0-FCE13C817E2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06667827"/>
              </p:ext>
            </p:extLst>
          </p:nvPr>
        </p:nvGraphicFramePr>
        <p:xfrm>
          <a:off x="388519" y="2319492"/>
          <a:ext cx="3808344" cy="1828800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1904172">
                  <a:extLst>
                    <a:ext uri="{9D8B030D-6E8A-4147-A177-3AD203B41FA5}">
                      <a16:colId xmlns:a16="http://schemas.microsoft.com/office/drawing/2014/main" val="1690715940"/>
                    </a:ext>
                  </a:extLst>
                </a:gridCol>
                <a:gridCol w="1904172">
                  <a:extLst>
                    <a:ext uri="{9D8B030D-6E8A-4147-A177-3AD203B41FA5}">
                      <a16:colId xmlns:a16="http://schemas.microsoft.com/office/drawing/2014/main" val="2653103857"/>
                    </a:ext>
                  </a:extLst>
                </a:gridCol>
              </a:tblGrid>
              <a:tr h="286876">
                <a:tc>
                  <a:txBody>
                    <a:bodyPr/>
                    <a:lstStyle/>
                    <a:p>
                      <a:r>
                        <a:rPr lang="en-US" dirty="0"/>
                        <a:t>SLAB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LENGTH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40280918"/>
                  </a:ext>
                </a:extLst>
              </a:tr>
              <a:tr h="286876">
                <a:tc>
                  <a:txBody>
                    <a:bodyPr/>
                    <a:lstStyle/>
                    <a:p>
                      <a:r>
                        <a:rPr lang="en-US" dirty="0"/>
                        <a:t>A2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.068 m</a:t>
                      </a:r>
                      <a:endParaRPr lang="nb-NO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20190256"/>
                  </a:ext>
                </a:extLst>
              </a:tr>
              <a:tr h="340135">
                <a:tc>
                  <a:txBody>
                    <a:bodyPr/>
                    <a:lstStyle/>
                    <a:p>
                      <a:r>
                        <a:rPr lang="en-US" dirty="0"/>
                        <a:t>A3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.067 m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71628767"/>
                  </a:ext>
                </a:extLst>
              </a:tr>
              <a:tr h="286876">
                <a:tc>
                  <a:txBody>
                    <a:bodyPr/>
                    <a:lstStyle/>
                    <a:p>
                      <a:r>
                        <a:rPr lang="en-US" dirty="0"/>
                        <a:t>B5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.069 m</a:t>
                      </a:r>
                      <a:endParaRPr lang="nb-NO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70105164"/>
                  </a:ext>
                </a:extLst>
              </a:tr>
              <a:tr h="286876">
                <a:tc>
                  <a:txBody>
                    <a:bodyPr/>
                    <a:lstStyle/>
                    <a:p>
                      <a:r>
                        <a:rPr lang="en-US" dirty="0"/>
                        <a:t>C1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.068 m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13383456"/>
                  </a:ext>
                </a:extLst>
              </a:tr>
            </a:tbl>
          </a:graphicData>
        </a:graphic>
      </p:graphicFrame>
      <p:pic>
        <p:nvPicPr>
          <p:cNvPr id="5" name="Picture Placeholder 34">
            <a:extLst>
              <a:ext uri="{FF2B5EF4-FFF2-40B4-BE49-F238E27FC236}">
                <a16:creationId xmlns:a16="http://schemas.microsoft.com/office/drawing/2014/main" id="{A0BB02F7-7E83-CDAB-DC91-A99CADCD263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1338" r="31338"/>
          <a:stretch/>
        </p:blipFill>
        <p:spPr>
          <a:xfrm>
            <a:off x="8214213" y="2315422"/>
            <a:ext cx="3432174" cy="2451127"/>
          </a:xfrm>
          <a:custGeom>
            <a:avLst/>
            <a:gdLst>
              <a:gd name="connsiteX0" fmla="*/ 105229 w 3432174"/>
              <a:gd name="connsiteY0" fmla="*/ 0 h 2451127"/>
              <a:gd name="connsiteX1" fmla="*/ 3326944 w 3432174"/>
              <a:gd name="connsiteY1" fmla="*/ 0 h 2451127"/>
              <a:gd name="connsiteX2" fmla="*/ 3432174 w 3432174"/>
              <a:gd name="connsiteY2" fmla="*/ 105219 h 2451127"/>
              <a:gd name="connsiteX3" fmla="*/ 3432174 w 3432174"/>
              <a:gd name="connsiteY3" fmla="*/ 2346097 h 2451127"/>
              <a:gd name="connsiteX4" fmla="*/ 3367904 w 3432174"/>
              <a:gd name="connsiteY4" fmla="*/ 2443048 h 2451127"/>
              <a:gd name="connsiteX5" fmla="*/ 3327880 w 3432174"/>
              <a:gd name="connsiteY5" fmla="*/ 2451127 h 2451127"/>
              <a:gd name="connsiteX6" fmla="*/ 104293 w 3432174"/>
              <a:gd name="connsiteY6" fmla="*/ 2451127 h 2451127"/>
              <a:gd name="connsiteX7" fmla="*/ 64269 w 3432174"/>
              <a:gd name="connsiteY7" fmla="*/ 2443048 h 2451127"/>
              <a:gd name="connsiteX8" fmla="*/ 0 w 3432174"/>
              <a:gd name="connsiteY8" fmla="*/ 2346097 h 2451127"/>
              <a:gd name="connsiteX9" fmla="*/ 0 w 3432174"/>
              <a:gd name="connsiteY9" fmla="*/ 105219 h 2451127"/>
              <a:gd name="connsiteX10" fmla="*/ 105229 w 3432174"/>
              <a:gd name="connsiteY10" fmla="*/ 0 h 24511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432174" h="2451127">
                <a:moveTo>
                  <a:pt x="105229" y="0"/>
                </a:moveTo>
                <a:lnTo>
                  <a:pt x="3326944" y="0"/>
                </a:lnTo>
                <a:cubicBezTo>
                  <a:pt x="3385061" y="0"/>
                  <a:pt x="3432174" y="47108"/>
                  <a:pt x="3432174" y="105219"/>
                </a:cubicBezTo>
                <a:lnTo>
                  <a:pt x="3432174" y="2346097"/>
                </a:lnTo>
                <a:cubicBezTo>
                  <a:pt x="3432174" y="2389680"/>
                  <a:pt x="3405673" y="2427074"/>
                  <a:pt x="3367904" y="2443048"/>
                </a:cubicBezTo>
                <a:lnTo>
                  <a:pt x="3327880" y="2451127"/>
                </a:lnTo>
                <a:lnTo>
                  <a:pt x="104293" y="2451127"/>
                </a:lnTo>
                <a:lnTo>
                  <a:pt x="64269" y="2443048"/>
                </a:lnTo>
                <a:cubicBezTo>
                  <a:pt x="26501" y="2427074"/>
                  <a:pt x="0" y="2389680"/>
                  <a:pt x="0" y="2346097"/>
                </a:cubicBezTo>
                <a:lnTo>
                  <a:pt x="0" y="105219"/>
                </a:lnTo>
                <a:cubicBezTo>
                  <a:pt x="0" y="47108"/>
                  <a:pt x="47113" y="0"/>
                  <a:pt x="105229" y="0"/>
                </a:cubicBezTo>
                <a:close/>
              </a:path>
            </a:pathLst>
          </a:custGeom>
          <a:noFill/>
        </p:spPr>
      </p:pic>
    </p:spTree>
    <p:extLst>
      <p:ext uri="{BB962C8B-B14F-4D97-AF65-F5344CB8AC3E}">
        <p14:creationId xmlns:p14="http://schemas.microsoft.com/office/powerpoint/2010/main" val="4081137691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FD16627-BF62-2400-0D5E-7C47B318085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8EC88EE-2FE5-BE37-70DD-944964BD67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>
            <a:normAutofit/>
          </a:bodyPr>
          <a:lstStyle/>
          <a:p>
            <a:r>
              <a:rPr lang="en-GB" sz="2700" noProof="0" dirty="0"/>
              <a:t>7. Discussion and comparison of the result (con.)</a:t>
            </a:r>
            <a:br>
              <a:rPr lang="en-GB" sz="2700" noProof="0" dirty="0"/>
            </a:br>
            <a:r>
              <a:rPr lang="en-GB" sz="2700" noProof="0" dirty="0"/>
              <a:t>- </a:t>
            </a:r>
            <a:r>
              <a:rPr lang="en-GB" sz="2700" dirty="0"/>
              <a:t>comparison of theoretical predictions and experimental result</a:t>
            </a:r>
            <a:endParaRPr lang="nb-NO" sz="2700" dirty="0"/>
          </a:p>
        </p:txBody>
      </p:sp>
      <p:graphicFrame>
        <p:nvGraphicFramePr>
          <p:cNvPr id="4" name="Content Placeholder 3">
            <a:extLst>
              <a:ext uri="{FF2B5EF4-FFF2-40B4-BE49-F238E27FC236}">
                <a16:creationId xmlns:a16="http://schemas.microsoft.com/office/drawing/2014/main" id="{7CF1F422-BE01-4D59-B6B2-486F9FDBA2B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191027962"/>
              </p:ext>
            </p:extLst>
          </p:nvPr>
        </p:nvGraphicFramePr>
        <p:xfrm>
          <a:off x="666750" y="1363138"/>
          <a:ext cx="10515600" cy="5364480"/>
        </p:xfrm>
        <a:graphic>
          <a:graphicData uri="http://schemas.openxmlformats.org/drawingml/2006/table">
            <a:tbl>
              <a:tblPr firstRow="1" bandRow="1">
                <a:tableStyleId>{073A0DAA-6AF3-43AB-8588-CEC1D06C72B9}</a:tableStyleId>
              </a:tblPr>
              <a:tblGrid>
                <a:gridCol w="2103120">
                  <a:extLst>
                    <a:ext uri="{9D8B030D-6E8A-4147-A177-3AD203B41FA5}">
                      <a16:colId xmlns:a16="http://schemas.microsoft.com/office/drawing/2014/main" val="2496456982"/>
                    </a:ext>
                  </a:extLst>
                </a:gridCol>
                <a:gridCol w="2103120">
                  <a:extLst>
                    <a:ext uri="{9D8B030D-6E8A-4147-A177-3AD203B41FA5}">
                      <a16:colId xmlns:a16="http://schemas.microsoft.com/office/drawing/2014/main" val="2571835274"/>
                    </a:ext>
                  </a:extLst>
                </a:gridCol>
                <a:gridCol w="2103120">
                  <a:extLst>
                    <a:ext uri="{9D8B030D-6E8A-4147-A177-3AD203B41FA5}">
                      <a16:colId xmlns:a16="http://schemas.microsoft.com/office/drawing/2014/main" val="3627117963"/>
                    </a:ext>
                  </a:extLst>
                </a:gridCol>
                <a:gridCol w="2103120">
                  <a:extLst>
                    <a:ext uri="{9D8B030D-6E8A-4147-A177-3AD203B41FA5}">
                      <a16:colId xmlns:a16="http://schemas.microsoft.com/office/drawing/2014/main" val="2570142651"/>
                    </a:ext>
                  </a:extLst>
                </a:gridCol>
                <a:gridCol w="2103120">
                  <a:extLst>
                    <a:ext uri="{9D8B030D-6E8A-4147-A177-3AD203B41FA5}">
                      <a16:colId xmlns:a16="http://schemas.microsoft.com/office/drawing/2014/main" val="1414132734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SLAB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DEFLECTION FOR NO COMPOSITE </a:t>
                      </a:r>
                      <a:r>
                        <a:rPr lang="en-GB" sz="1800" b="1" kern="12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D</a:t>
                      </a:r>
                      <a:r>
                        <a:rPr lang="en-GB" sz="1800" b="1" kern="1200" baseline="-250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N </a:t>
                      </a:r>
                      <a:r>
                        <a:rPr lang="en-US" dirty="0"/>
                        <a:t> (mm)</a:t>
                      </a:r>
                      <a:endParaRPr lang="nb-NO" sz="1800" b="1" kern="1200" dirty="0">
                        <a:solidFill>
                          <a:schemeClr val="lt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DEFLECTION </a:t>
                      </a:r>
                      <a:r>
                        <a:rPr lang="en-US"/>
                        <a:t>FOR FULL </a:t>
                      </a:r>
                      <a:r>
                        <a:rPr lang="en-US" dirty="0"/>
                        <a:t>COMPOSITE </a:t>
                      </a:r>
                      <a:r>
                        <a:rPr lang="en-GB" sz="1800" b="1" kern="12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D</a:t>
                      </a:r>
                      <a:r>
                        <a:rPr lang="en-GB" sz="1800" b="1" kern="1200" baseline="-250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C </a:t>
                      </a:r>
                      <a:r>
                        <a:rPr lang="en-US" dirty="0"/>
                        <a:t>(mm)</a:t>
                      </a:r>
                      <a:endParaRPr lang="nb-NO" sz="1800" b="1" kern="1200" dirty="0">
                        <a:solidFill>
                          <a:schemeClr val="lt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DEFLECTION MEASURED IN LAB TEST </a:t>
                      </a:r>
                      <a:r>
                        <a:rPr lang="en-GB" sz="1800" b="1" kern="12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D</a:t>
                      </a:r>
                      <a:r>
                        <a:rPr lang="en-GB" sz="1800" b="1" kern="1200" baseline="-25000" dirty="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I </a:t>
                      </a:r>
                      <a:r>
                        <a:rPr lang="en-US" dirty="0"/>
                        <a:t>(mm)</a:t>
                      </a:r>
                      <a:endParaRPr lang="nb-NO" sz="1800" b="1" kern="1200" dirty="0">
                        <a:solidFill>
                          <a:schemeClr val="lt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EFFICIENCY (%)</a:t>
                      </a:r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721976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1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547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612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6.160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9.616</a:t>
                      </a:r>
                      <a:endParaRPr lang="nb-NO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1486826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2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547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612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7.673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33.367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900057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3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547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612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6.859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0.586</a:t>
                      </a:r>
                      <a:endParaRPr lang="nb-NO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327701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4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547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612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7.000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2.765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349596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5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547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612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8.586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47.963</a:t>
                      </a:r>
                      <a:endParaRPr lang="nb-NO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6778797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6</a:t>
                      </a:r>
                      <a:endParaRPr lang="nb-NO" dirty="0"/>
                    </a:p>
                  </a:txBody>
                  <a:tcP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547</a:t>
                      </a:r>
                      <a:endParaRPr lang="nb-NO" dirty="0"/>
                    </a:p>
                  </a:txBody>
                  <a:tcP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612</a:t>
                      </a:r>
                      <a:endParaRPr lang="nb-NO" dirty="0"/>
                    </a:p>
                  </a:txBody>
                  <a:tcP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8.803</a:t>
                      </a:r>
                      <a:endParaRPr lang="nb-NO" dirty="0"/>
                    </a:p>
                  </a:txBody>
                  <a:tcP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1.102</a:t>
                      </a:r>
                      <a:endParaRPr lang="nb-NO" dirty="0"/>
                    </a:p>
                  </a:txBody>
                  <a:tcPr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6047897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1</a:t>
                      </a:r>
                      <a:endParaRPr lang="nb-NO" dirty="0"/>
                    </a:p>
                  </a:txBody>
                  <a:tcP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6.354</a:t>
                      </a:r>
                      <a:endParaRPr lang="nb-NO" dirty="0"/>
                    </a:p>
                  </a:txBody>
                  <a:tcP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725</a:t>
                      </a:r>
                      <a:endParaRPr lang="nb-NO" dirty="0"/>
                    </a:p>
                  </a:txBody>
                  <a:tcP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037</a:t>
                      </a:r>
                      <a:endParaRPr lang="nb-NO" dirty="0"/>
                    </a:p>
                  </a:txBody>
                  <a:tcP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.094</a:t>
                      </a:r>
                      <a:endParaRPr lang="nb-NO" dirty="0"/>
                    </a:p>
                  </a:txBody>
                  <a:tcP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128291249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2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6.354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725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579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.233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3699155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3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6.354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725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730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0.993</a:t>
                      </a:r>
                      <a:endParaRPr lang="nb-NO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932344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4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6.354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725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6.591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0.3767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6877814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5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6.354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725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4.760</a:t>
                      </a:r>
                      <a:endParaRPr lang="nb-NO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.535</a:t>
                      </a:r>
                      <a:endParaRPr lang="nb-NO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24069518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6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6.354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dirty="0"/>
                        <a:t>5.725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436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.466</a:t>
                      </a:r>
                      <a:endParaRPr lang="nb-NO" dirty="0"/>
                    </a:p>
                  </a:txBody>
                  <a:tcP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908818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51847337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951FEB6-937B-B998-DDE8-959D760D6B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416372"/>
            <a:ext cx="10515600" cy="946766"/>
          </a:xfrm>
        </p:spPr>
        <p:txBody>
          <a:bodyPr anchor="t">
            <a:normAutofit/>
          </a:bodyPr>
          <a:lstStyle/>
          <a:p>
            <a:r>
              <a:rPr lang="en-GB" sz="2700" noProof="0"/>
              <a:t>7. Discussion and comparison of the result (con.)</a:t>
            </a:r>
            <a:br>
              <a:rPr lang="en-GB" sz="2700" noProof="0"/>
            </a:br>
            <a:r>
              <a:rPr lang="en-GB" sz="2700" noProof="0"/>
              <a:t>- </a:t>
            </a:r>
            <a:r>
              <a:rPr lang="en-GB" sz="2700"/>
              <a:t>comparison of theoretical predictions and experimental result</a:t>
            </a:r>
            <a:endParaRPr lang="nb-NO" sz="2700"/>
          </a:p>
        </p:txBody>
      </p:sp>
      <p:pic>
        <p:nvPicPr>
          <p:cNvPr id="10" name="Content Placeholder 9">
            <a:extLst>
              <a:ext uri="{FF2B5EF4-FFF2-40B4-BE49-F238E27FC236}">
                <a16:creationId xmlns:a16="http://schemas.microsoft.com/office/drawing/2014/main" id="{2E1AA918-17A8-E1AA-70A8-D3674B703745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6381750" y="2171946"/>
            <a:ext cx="4972050" cy="3170454"/>
          </a:xfrm>
        </p:spPr>
      </p:pic>
      <p:pic>
        <p:nvPicPr>
          <p:cNvPr id="22" name="Content Placeholder 21">
            <a:extLst>
              <a:ext uri="{FF2B5EF4-FFF2-40B4-BE49-F238E27FC236}">
                <a16:creationId xmlns:a16="http://schemas.microsoft.com/office/drawing/2014/main" id="{89022B45-9635-BD18-6630-2421DF7342B8}"/>
              </a:ext>
            </a:extLst>
          </p:cNvPr>
          <p:cNvPicPr>
            <a:picLocks noGrp="1" noChangeAspect="1"/>
          </p:cNvPicPr>
          <p:nvPr>
            <p:ph sz="half" idx="1"/>
          </p:nvPr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38199" y="2178050"/>
            <a:ext cx="5208309" cy="3116157"/>
          </a:xfrm>
        </p:spPr>
      </p:pic>
      <p:cxnSp>
        <p:nvCxnSpPr>
          <p:cNvPr id="23" name="Rett linje 16">
            <a:extLst>
              <a:ext uri="{FF2B5EF4-FFF2-40B4-BE49-F238E27FC236}">
                <a16:creationId xmlns:a16="http://schemas.microsoft.com/office/drawing/2014/main" id="{AFA0A8C5-6B2B-764C-8065-863631D41C18}"/>
              </a:ext>
            </a:extLst>
          </p:cNvPr>
          <p:cNvCxnSpPr>
            <a:cxnSpLocks/>
          </p:cNvCxnSpPr>
          <p:nvPr/>
        </p:nvCxnSpPr>
        <p:spPr>
          <a:xfrm flipV="1">
            <a:off x="1416050" y="2628900"/>
            <a:ext cx="2832100" cy="214630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Rett linje 16">
            <a:extLst>
              <a:ext uri="{FF2B5EF4-FFF2-40B4-BE49-F238E27FC236}">
                <a16:creationId xmlns:a16="http://schemas.microsoft.com/office/drawing/2014/main" id="{AFA0A8C5-6B2B-764C-8065-863631D41C18}"/>
              </a:ext>
            </a:extLst>
          </p:cNvPr>
          <p:cNvCxnSpPr>
            <a:cxnSpLocks/>
          </p:cNvCxnSpPr>
          <p:nvPr/>
        </p:nvCxnSpPr>
        <p:spPr>
          <a:xfrm flipV="1">
            <a:off x="6939756" y="2628900"/>
            <a:ext cx="2667794" cy="2189163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24600342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4F36FD-9FF0-C1E8-EC94-B8D6ABA1E81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4400" noProof="0" dirty="0"/>
              <a:t>Structural Performance and Load-Carrying Capacity of Cross Laminated Timber-Concrete Composite Slabs: Influence of Shear Fasteners</a:t>
            </a:r>
            <a:endParaRPr lang="en-GB" noProof="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2F48BA7-2236-926E-3806-CCFCDC872EC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noProof="0" dirty="0"/>
              <a:t>Maria Bergfjord</a:t>
            </a:r>
            <a:r>
              <a:rPr lang="en-GB" sz="1800" baseline="30000" noProof="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</a:t>
            </a:r>
            <a:r>
              <a:rPr lang="en-GB" noProof="0" dirty="0"/>
              <a:t>, Sudath C. Siriwardane</a:t>
            </a:r>
            <a:r>
              <a:rPr lang="en-GB" sz="1800" baseline="30000" noProof="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</a:t>
            </a:r>
            <a:r>
              <a:rPr lang="en-GB" noProof="0" dirty="0"/>
              <a:t> and Lars Henning Krokengen</a:t>
            </a:r>
            <a:r>
              <a:rPr lang="en-GB" sz="1800" baseline="30000" noProof="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 </a:t>
            </a:r>
            <a:endParaRPr lang="en-GB" noProof="0" dirty="0"/>
          </a:p>
          <a:p>
            <a:pPr algn="l"/>
            <a:endParaRPr lang="en-GB" sz="1800" b="0" i="0" u="none" strike="noStrike" baseline="0" noProof="0" dirty="0">
              <a:solidFill>
                <a:srgbClr val="000000"/>
              </a:solidFill>
              <a:latin typeface="Times New Roman" panose="02020603050405020304" pitchFamily="18" charset="0"/>
            </a:endParaRPr>
          </a:p>
          <a:p>
            <a:r>
              <a:rPr lang="en-GB" sz="1800" b="0" i="0" u="none" strike="noStrike" baseline="0" noProof="0" dirty="0">
                <a:solidFill>
                  <a:srgbClr val="000000"/>
                </a:solidFill>
                <a:latin typeface="Times New Roman" panose="02020603050405020304" pitchFamily="18" charset="0"/>
              </a:rPr>
              <a:t> </a:t>
            </a:r>
            <a:r>
              <a:rPr lang="en-GB" sz="1800" baseline="30000" noProof="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1</a:t>
            </a:r>
            <a:r>
              <a:rPr lang="en-GB" sz="1800" b="0" i="0" u="none" strike="noStrike" baseline="0" noProof="0" dirty="0">
                <a:solidFill>
                  <a:srgbClr val="000000"/>
                </a:solidFill>
                <a:latin typeface="Times New Roman" panose="02020603050405020304" pitchFamily="18" charset="0"/>
              </a:rPr>
              <a:t> Multiconsult AS, Oslo, Norway</a:t>
            </a:r>
          </a:p>
          <a:p>
            <a:r>
              <a:rPr lang="en-GB" sz="1800" baseline="30000" noProof="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2  </a:t>
            </a:r>
            <a:r>
              <a:rPr lang="en-GB" sz="1800" b="0" i="0" u="none" strike="noStrike" baseline="0" noProof="0" dirty="0">
                <a:solidFill>
                  <a:srgbClr val="000000"/>
                </a:solidFill>
                <a:latin typeface="Times New Roman" panose="02020603050405020304" pitchFamily="18" charset="0"/>
              </a:rPr>
              <a:t>University of Stavanger, 4036 Stavanger, P.O. box 8600, Norway</a:t>
            </a:r>
          </a:p>
          <a:p>
            <a:r>
              <a:rPr lang="en-GB" sz="1800" baseline="30000" noProof="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3 </a:t>
            </a:r>
            <a:r>
              <a:rPr lang="en-GB" sz="1800" b="0" i="0" u="none" strike="noStrike" baseline="0" noProof="0" dirty="0">
                <a:solidFill>
                  <a:srgbClr val="000000"/>
                </a:solidFill>
                <a:latin typeface="Times New Roman" panose="02020603050405020304" pitchFamily="18" charset="0"/>
              </a:rPr>
              <a:t>COWI AS, Trondheim, Norway</a:t>
            </a: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233350588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2F63A5F3-16E7-2543-0D70-DD79D062C7A3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GB" noProof="0" dirty="0"/>
              <a:t>Key finding</a:t>
            </a:r>
          </a:p>
          <a:p>
            <a:pPr lvl="1"/>
            <a:r>
              <a:rPr lang="en-GB" sz="2000" noProof="0" dirty="0"/>
              <a:t>The load-displacement response</a:t>
            </a:r>
          </a:p>
          <a:p>
            <a:pPr lvl="1"/>
            <a:r>
              <a:rPr lang="en-GB" sz="2000" noProof="0" dirty="0"/>
              <a:t>Theoretical predictions vs. laboratory testing</a:t>
            </a:r>
          </a:p>
          <a:p>
            <a:pPr lvl="1"/>
            <a:endParaRPr lang="en-GB" sz="2000" noProof="0" dirty="0"/>
          </a:p>
          <a:p>
            <a:r>
              <a:rPr lang="en-GB" noProof="0" dirty="0"/>
              <a:t>Recommendations</a:t>
            </a:r>
          </a:p>
          <a:p>
            <a:pPr lvl="1"/>
            <a:r>
              <a:rPr lang="en-GB" sz="2000" noProof="0" dirty="0"/>
              <a:t>Additional testing with same five-layer CLT, concrete strength and fasteners type</a:t>
            </a:r>
          </a:p>
          <a:p>
            <a:pPr lvl="1"/>
            <a:r>
              <a:rPr lang="en-GB" sz="2000" noProof="0" dirty="0"/>
              <a:t>Enhanced instrumentation for slip behaviour (strain gauges)</a:t>
            </a:r>
          </a:p>
          <a:p>
            <a:pPr lvl="1"/>
            <a:r>
              <a:rPr lang="en-GB" sz="2000" noProof="0" dirty="0"/>
              <a:t>Further studies with exploring </a:t>
            </a:r>
            <a:r>
              <a:rPr lang="en-GB" sz="2000" b="0" i="0" u="none" strike="noStrike" baseline="0" noProof="0" dirty="0">
                <a:solidFill>
                  <a:srgbClr val="000000"/>
                </a:solidFill>
              </a:rPr>
              <a:t>variations</a:t>
            </a:r>
            <a:r>
              <a:rPr lang="en-GB" sz="2000" noProof="0" dirty="0"/>
              <a:t> in fasteners type, spacing etc.  </a:t>
            </a:r>
          </a:p>
          <a:p>
            <a:endParaRPr lang="nb-NO" dirty="0"/>
          </a:p>
        </p:txBody>
      </p:sp>
      <p:pic>
        <p:nvPicPr>
          <p:cNvPr id="6" name="Content Placeholder 5" descr="A close up of a ruler&#10;&#10;AI-generated content may be incorrect.">
            <a:extLst>
              <a:ext uri="{FF2B5EF4-FFF2-40B4-BE49-F238E27FC236}">
                <a16:creationId xmlns:a16="http://schemas.microsoft.com/office/drawing/2014/main" id="{D4FCE603-CB47-92C9-71A0-18A3E31AD039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172200" y="3055733"/>
            <a:ext cx="5181600" cy="1376771"/>
          </a:xfr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EC5C475C-296F-D551-763C-4A1DF535284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 dirty="0"/>
              <a:t>8. Conclusion 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5695546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0D21EF12-AA0B-6E95-63EF-9932BC47ED0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8199" y="827690"/>
            <a:ext cx="4971402" cy="1648421"/>
          </a:xfrm>
        </p:spPr>
        <p:txBody>
          <a:bodyPr anchor="b">
            <a:normAutofit/>
          </a:bodyPr>
          <a:lstStyle/>
          <a:p>
            <a:r>
              <a:rPr lang="en-GB" sz="4100" noProof="0" dirty="0"/>
              <a:t>Acknowledgements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01F9B9-4949-A622-8FE5-E4CEEC18472D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38199" y="2620149"/>
            <a:ext cx="4971402" cy="3419792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noProof="0" dirty="0"/>
              <a:t> Jarle Berge, Samdar </a:t>
            </a:r>
            <a:r>
              <a:rPr lang="en-GB" noProof="0" dirty="0" err="1"/>
              <a:t>Kakay</a:t>
            </a:r>
            <a:r>
              <a:rPr lang="en-GB" noProof="0" dirty="0"/>
              <a:t>, Jan-Tore Jakobsen and Andreas Skaare – </a:t>
            </a:r>
            <a:r>
              <a:rPr lang="en-GB" noProof="0" dirty="0" err="1"/>
              <a:t>UiS</a:t>
            </a:r>
            <a:endParaRPr lang="en-GB" noProof="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GB" noProof="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GB" noProof="0" dirty="0"/>
              <a:t>Eugenio Facchini, technical sales consultant in </a:t>
            </a:r>
            <a:r>
              <a:rPr lang="en-GB" noProof="0" dirty="0" err="1"/>
              <a:t>Rothoblaas</a:t>
            </a:r>
            <a:endParaRPr lang="en-GB" noProof="0" dirty="0"/>
          </a:p>
        </p:txBody>
      </p:sp>
      <p:pic>
        <p:nvPicPr>
          <p:cNvPr id="6" name="Picture Placeholder 5" descr="A group of cartoon cubes with arms and legs&#10;&#10;AI-generated content may be incorrect.">
            <a:extLst>
              <a:ext uri="{FF2B5EF4-FFF2-40B4-BE49-F238E27FC236}">
                <a16:creationId xmlns:a16="http://schemas.microsoft.com/office/drawing/2014/main" id="{9DE2783D-5BCD-E5D7-F066-05E20C30BB90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837473B0-CC2E-450A-ABE3-18F120FF3D39}">
                <a1611:picAttrSrcUrl xmlns:a1611="http://schemas.microsoft.com/office/drawing/2016/11/main" r:id="rId3"/>
              </a:ext>
            </a:extLst>
          </a:blip>
          <a:srcRect r="3" b="3"/>
          <a:stretch>
            <a:fillRect/>
          </a:stretch>
        </p:blipFill>
        <p:spPr>
          <a:xfrm>
            <a:off x="6139543" y="827690"/>
            <a:ext cx="5212251" cy="5212251"/>
          </a:xfrm>
          <a:noFill/>
        </p:spPr>
      </p:pic>
    </p:spTree>
    <p:extLst>
      <p:ext uri="{BB962C8B-B14F-4D97-AF65-F5344CB8AC3E}">
        <p14:creationId xmlns:p14="http://schemas.microsoft.com/office/powerpoint/2010/main" val="282029822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6DB6E0B-9E71-8E2B-B979-5660CF0C057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+mj-lt"/>
              <a:buAutoNum type="arabicPeriod"/>
            </a:pPr>
            <a:r>
              <a:rPr lang="en-GB" noProof="0" dirty="0"/>
              <a:t>Background</a:t>
            </a:r>
          </a:p>
          <a:p>
            <a:pPr marL="457200" indent="-457200">
              <a:buFont typeface="+mj-lt"/>
              <a:buAutoNum type="arabicPeriod"/>
            </a:pPr>
            <a:r>
              <a:rPr lang="en-GB" noProof="0" dirty="0"/>
              <a:t>Research/Knowledge gaps</a:t>
            </a:r>
          </a:p>
          <a:p>
            <a:pPr marL="457200" indent="-457200">
              <a:buFont typeface="+mj-lt"/>
              <a:buAutoNum type="arabicPeriod"/>
            </a:pPr>
            <a:r>
              <a:rPr lang="en-GB" noProof="0" dirty="0"/>
              <a:t>Objectives</a:t>
            </a:r>
          </a:p>
          <a:p>
            <a:pPr marL="457200" indent="-457200">
              <a:buFont typeface="+mj-lt"/>
              <a:buAutoNum type="arabicPeriod"/>
            </a:pPr>
            <a:r>
              <a:rPr lang="en-GB" noProof="0" dirty="0"/>
              <a:t>Materials and test sample preparation</a:t>
            </a:r>
          </a:p>
          <a:p>
            <a:pPr marL="457200" indent="-457200">
              <a:buFont typeface="+mj-lt"/>
              <a:buAutoNum type="arabicPeriod"/>
            </a:pPr>
            <a:r>
              <a:rPr lang="en-GB" noProof="0" dirty="0"/>
              <a:t>Laboratory testing</a:t>
            </a:r>
          </a:p>
          <a:p>
            <a:pPr marL="457200" indent="-457200">
              <a:buFont typeface="+mj-lt"/>
              <a:buAutoNum type="arabicPeriod"/>
            </a:pPr>
            <a:r>
              <a:rPr lang="en-GB" noProof="0" dirty="0"/>
              <a:t>Theoretical prediction of load capacity and displacement</a:t>
            </a:r>
          </a:p>
          <a:p>
            <a:pPr marL="457200" indent="-457200">
              <a:buFont typeface="+mj-lt"/>
              <a:buAutoNum type="arabicPeriod"/>
            </a:pPr>
            <a:r>
              <a:rPr lang="en-GB" noProof="0" dirty="0"/>
              <a:t>Discussion and comparison of the result</a:t>
            </a:r>
          </a:p>
          <a:p>
            <a:pPr marL="457200" indent="-457200">
              <a:buFont typeface="+mj-lt"/>
              <a:buAutoNum type="arabicPeriod"/>
            </a:pPr>
            <a:r>
              <a:rPr lang="en-GB" noProof="0" dirty="0"/>
              <a:t>Conclusions </a:t>
            </a:r>
          </a:p>
          <a:p>
            <a:pPr marL="457200" indent="-457200">
              <a:buFont typeface="+mj-lt"/>
              <a:buAutoNum type="arabicPeriod"/>
            </a:pPr>
            <a:endParaRPr lang="en-GB" noProof="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15A7720-3796-F8EF-AFD5-5EC2FF033BC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 dirty="0"/>
              <a:t>Outline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924020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28CC9D6-235D-9121-F6A1-F6FCE403C4E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C1600C64-79DF-0C81-2C22-F78F21837BA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anchor="t">
            <a:normAutofit/>
          </a:bodyPr>
          <a:lstStyle/>
          <a:p>
            <a:endParaRPr lang="en-GB" noProof="0" dirty="0"/>
          </a:p>
          <a:p>
            <a:r>
              <a:rPr lang="en-GB" noProof="0" dirty="0"/>
              <a:t>Environmental impacts</a:t>
            </a:r>
          </a:p>
          <a:p>
            <a:r>
              <a:rPr lang="en-GB" noProof="0" dirty="0"/>
              <a:t>Reinforced concrete </a:t>
            </a:r>
          </a:p>
          <a:p>
            <a:r>
              <a:rPr lang="en-GB" noProof="0" dirty="0"/>
              <a:t>Timber</a:t>
            </a:r>
          </a:p>
          <a:p>
            <a:r>
              <a:rPr lang="en-GB" noProof="0" dirty="0"/>
              <a:t>Usage of Cross Laminated Timber (CLT) relatively new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1F4B3AF-5D46-59F0-C18D-4B3FEAB605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>
            <a:normAutofit/>
          </a:bodyPr>
          <a:lstStyle/>
          <a:p>
            <a:r>
              <a:rPr lang="en-GB" noProof="0" dirty="0"/>
              <a:t>1. Background</a:t>
            </a:r>
          </a:p>
        </p:txBody>
      </p:sp>
    </p:spTree>
    <p:extLst>
      <p:ext uri="{BB962C8B-B14F-4D97-AF65-F5344CB8AC3E}">
        <p14:creationId xmlns:p14="http://schemas.microsoft.com/office/powerpoint/2010/main" val="317793685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448D667-59B6-2D31-D43F-755B25CBFCC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0B3B2A56-1705-054D-388E-74029A4B225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 noProof="0" dirty="0"/>
          </a:p>
          <a:p>
            <a:r>
              <a:rPr lang="en-GB" noProof="0" dirty="0"/>
              <a:t>Limited Research on CLT-Concrete Composite Floor Systems</a:t>
            </a:r>
          </a:p>
          <a:p>
            <a:r>
              <a:rPr lang="en-GB" noProof="0" dirty="0"/>
              <a:t>Absence of Standardized Design Guidelines</a:t>
            </a:r>
          </a:p>
          <a:p>
            <a:r>
              <a:rPr lang="en-GB" noProof="0" dirty="0"/>
              <a:t>Limitations of Eurocode 5</a:t>
            </a:r>
          </a:p>
          <a:p>
            <a:r>
              <a:rPr lang="en-GB" noProof="0" dirty="0"/>
              <a:t>Material Anisotropy and Defects</a:t>
            </a:r>
          </a:p>
          <a:p>
            <a:r>
              <a:rPr lang="en-GB" noProof="0" dirty="0"/>
              <a:t>Insufficient Research on Shear Fasteners</a:t>
            </a:r>
          </a:p>
          <a:p>
            <a:endParaRPr lang="en-GB" noProof="0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43ACF1C-D803-D502-E98D-1B42A7935F7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 dirty="0"/>
              <a:t>2. Research/Knowledge gaps</a:t>
            </a:r>
            <a:br>
              <a:rPr lang="en-GB" noProof="0" dirty="0"/>
            </a:br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64570100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559B3E10-E8F2-0F46-7A23-DBA1C3499700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440000"/>
            <a:ext cx="5181600" cy="4608000"/>
          </a:xfrm>
        </p:spPr>
        <p:txBody>
          <a:bodyPr anchor="t"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noProof="0" dirty="0"/>
              <a:t>To investigate the load capacity and structural response of 5-layeres CLT-concrete composite slabs with two different types of shear fasteners by medium scale laboratory testi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GB" noProof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noProof="0" dirty="0"/>
              <a:t>The validity of the modifications to the existing formulas in the Eurocode is investigated for theoretical prediction of 5-layered CLT-concrete composite slabs as a secondary objective of this paper.</a:t>
            </a:r>
          </a:p>
        </p:txBody>
      </p:sp>
      <p:pic>
        <p:nvPicPr>
          <p:cNvPr id="6" name="Picture Placeholder 5" descr="Diagram of a concrete slab with text&#10;&#10;AI-generated content may be incorrect.">
            <a:extLst>
              <a:ext uri="{FF2B5EF4-FFF2-40B4-BE49-F238E27FC236}">
                <a16:creationId xmlns:a16="http://schemas.microsoft.com/office/drawing/2014/main" id="{3D76850E-6B42-DD0D-28BE-BFF28FA6BD13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427"/>
          <a:stretch/>
        </p:blipFill>
        <p:spPr>
          <a:xfrm>
            <a:off x="6172200" y="1440000"/>
            <a:ext cx="5314950" cy="4257060"/>
          </a:xfrm>
          <a:noFill/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3271893D-D358-0D11-DBE8-6AB4D9F5AD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416372"/>
            <a:ext cx="10515600" cy="946766"/>
          </a:xfrm>
        </p:spPr>
        <p:txBody>
          <a:bodyPr anchor="t">
            <a:normAutofit/>
          </a:bodyPr>
          <a:lstStyle/>
          <a:p>
            <a:r>
              <a:rPr lang="en-GB" sz="3000" noProof="0" dirty="0"/>
              <a:t>3. Objectives</a:t>
            </a:r>
            <a:br>
              <a:rPr lang="en-GB" sz="3000" noProof="0" dirty="0"/>
            </a:br>
            <a:endParaRPr lang="en-GB" sz="3000" noProof="0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8E6CEF1-872D-E709-AA75-B21EACC7D0CE}"/>
              </a:ext>
            </a:extLst>
          </p:cNvPr>
          <p:cNvSpPr txBox="1"/>
          <p:nvPr/>
        </p:nvSpPr>
        <p:spPr>
          <a:xfrm>
            <a:off x="6172202" y="5894027"/>
            <a:ext cx="6529136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200" noProof="0" dirty="0"/>
              <a:t>10. A. Gustafsson + et al., “The CLT handbook CLT structures - facts and planning”, </a:t>
            </a:r>
          </a:p>
          <a:p>
            <a:r>
              <a:rPr lang="en-GB" sz="1200" noProof="0" dirty="0"/>
              <a:t>1. Ed, Stockholm: </a:t>
            </a:r>
            <a:r>
              <a:rPr lang="en-GB" sz="1200" noProof="0" dirty="0" err="1"/>
              <a:t>Skogsindustrierna</a:t>
            </a:r>
            <a:r>
              <a:rPr lang="en-GB" sz="1200" noProof="0" dirty="0"/>
              <a:t>, 2019</a:t>
            </a:r>
          </a:p>
        </p:txBody>
      </p:sp>
    </p:spTree>
    <p:extLst>
      <p:ext uri="{BB962C8B-B14F-4D97-AF65-F5344CB8AC3E}">
        <p14:creationId xmlns:p14="http://schemas.microsoft.com/office/powerpoint/2010/main" val="279547125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 descr="A wooden board with nails&#10;&#10;AI-generated content may be incorrect.">
            <a:extLst>
              <a:ext uri="{FF2B5EF4-FFF2-40B4-BE49-F238E27FC236}">
                <a16:creationId xmlns:a16="http://schemas.microsoft.com/office/drawing/2014/main" id="{6625636B-26BA-FB52-C5BB-C0B13574C220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795" b="-1"/>
          <a:stretch>
            <a:fillRect/>
          </a:stretch>
        </p:blipFill>
        <p:spPr>
          <a:xfrm>
            <a:off x="7195033" y="827313"/>
            <a:ext cx="4159699" cy="5197250"/>
          </a:xfrm>
          <a:noFill/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C07AF43C-C8D4-AF4C-2EB6-953FC585123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416372"/>
            <a:ext cx="5604555" cy="946766"/>
          </a:xfrm>
        </p:spPr>
        <p:txBody>
          <a:bodyPr anchor="t">
            <a:normAutofit/>
          </a:bodyPr>
          <a:lstStyle/>
          <a:p>
            <a:r>
              <a:rPr lang="en-GB" sz="3000" noProof="0" dirty="0"/>
              <a:t>4. Materials and test sample preparation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88DF98E1-4F21-FD1D-5DE6-0636482F3779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440000"/>
            <a:ext cx="5604554" cy="4608000"/>
          </a:xfrm>
        </p:spPr>
        <p:txBody>
          <a:bodyPr anchor="t">
            <a:normAutofit/>
          </a:bodyPr>
          <a:lstStyle/>
          <a:p>
            <a:endParaRPr lang="en-GB" noProof="0" dirty="0"/>
          </a:p>
          <a:p>
            <a:r>
              <a:rPr lang="en-GB" noProof="0" dirty="0"/>
              <a:t>Cross Laminated </a:t>
            </a:r>
            <a:r>
              <a:rPr lang="en-GB" dirty="0"/>
              <a:t>T</a:t>
            </a:r>
            <a:r>
              <a:rPr lang="en-GB" noProof="0" dirty="0" err="1"/>
              <a:t>imber</a:t>
            </a:r>
            <a:r>
              <a:rPr lang="en-GB" noProof="0" dirty="0"/>
              <a:t> (CLT)</a:t>
            </a:r>
          </a:p>
          <a:p>
            <a:r>
              <a:rPr lang="en-GB" noProof="0" dirty="0"/>
              <a:t>Concrete B35</a:t>
            </a:r>
          </a:p>
          <a:p>
            <a:pPr lvl="1"/>
            <a:r>
              <a:rPr lang="en-GB" sz="2000" noProof="0" dirty="0"/>
              <a:t>Self-compacting concrete (SCC)</a:t>
            </a:r>
          </a:p>
          <a:p>
            <a:pPr lvl="1"/>
            <a:r>
              <a:rPr lang="en-GB" sz="2000" noProof="0" dirty="0"/>
              <a:t>Quality check</a:t>
            </a:r>
          </a:p>
          <a:p>
            <a:r>
              <a:rPr lang="en-GB" noProof="0" dirty="0"/>
              <a:t>Shear fasteners</a:t>
            </a:r>
          </a:p>
          <a:p>
            <a:pPr lvl="1"/>
            <a:r>
              <a:rPr lang="en-GB" sz="2000" noProof="0" dirty="0"/>
              <a:t>CTC screw – SLAB type A</a:t>
            </a:r>
          </a:p>
          <a:p>
            <a:pPr lvl="1"/>
            <a:r>
              <a:rPr lang="en-GB" sz="2000" noProof="0" dirty="0"/>
              <a:t>KOP screw – SLAB type B</a:t>
            </a:r>
          </a:p>
          <a:p>
            <a:r>
              <a:rPr lang="en-GB" noProof="0" dirty="0"/>
              <a:t>Formwork and casting</a:t>
            </a:r>
          </a:p>
          <a:p>
            <a:r>
              <a:rPr lang="en-GB" noProof="0" dirty="0"/>
              <a:t>Curing and demoulding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A8A5A3A-906E-5E7F-A481-CBBF0630FD93}"/>
              </a:ext>
            </a:extLst>
          </p:cNvPr>
          <p:cNvSpPr txBox="1"/>
          <p:nvPr/>
        </p:nvSpPr>
        <p:spPr>
          <a:xfrm>
            <a:off x="9274882" y="532860"/>
            <a:ext cx="145167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b="1" dirty="0"/>
              <a:t>SLAB Type B</a:t>
            </a:r>
            <a:endParaRPr lang="nb-NO" b="1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8F16DB1-055B-2A4E-E5CC-447DCD2E8946}"/>
              </a:ext>
            </a:extLst>
          </p:cNvPr>
          <p:cNvSpPr txBox="1"/>
          <p:nvPr/>
        </p:nvSpPr>
        <p:spPr>
          <a:xfrm>
            <a:off x="7347433" y="532860"/>
            <a:ext cx="145167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b="1" dirty="0"/>
              <a:t>SLAB Type A</a:t>
            </a:r>
            <a:endParaRPr lang="nb-NO" b="1" dirty="0"/>
          </a:p>
        </p:txBody>
      </p:sp>
    </p:spTree>
    <p:extLst>
      <p:ext uri="{BB962C8B-B14F-4D97-AF65-F5344CB8AC3E}">
        <p14:creationId xmlns:p14="http://schemas.microsoft.com/office/powerpoint/2010/main" val="133683621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E5331D-9BCF-0810-F2BB-3ECE621F303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D4D9564-17A9-9695-4B61-5F8755EC199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8199" y="827690"/>
            <a:ext cx="4971402" cy="839185"/>
          </a:xfrm>
        </p:spPr>
        <p:txBody>
          <a:bodyPr anchor="t">
            <a:normAutofit/>
          </a:bodyPr>
          <a:lstStyle/>
          <a:p>
            <a:r>
              <a:rPr lang="en-GB" sz="3000" noProof="0" dirty="0"/>
              <a:t>5. Laboratory testing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D8B250A-2659-4EB8-1D05-DD7FA3EA100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38199" y="1876425"/>
            <a:ext cx="4971402" cy="4163516"/>
          </a:xfrm>
        </p:spPr>
        <p:txBody>
          <a:bodyPr anchor="t"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noProof="0" dirty="0"/>
              <a:t>Test setup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GB" noProof="0" dirty="0"/>
              <a:t>Four point bending test</a:t>
            </a:r>
            <a:endParaRPr lang="en-GB" dirty="0"/>
          </a:p>
          <a:p>
            <a:pPr marL="800100" lvl="1" indent="-342900">
              <a:buFont typeface="Arial" panose="020B0604020202020204" pitchFamily="34" charset="0"/>
              <a:buChar char="•"/>
            </a:pPr>
            <a:r>
              <a:rPr lang="en-GB" sz="1800" dirty="0">
                <a:effectLst/>
                <a:latin typeface="Aptos" panose="020B0004020202020204" pitchFamily="34" charset="0"/>
                <a:ea typeface="Aptos" panose="020B0004020202020204" pitchFamily="34" charset="0"/>
                <a:cs typeface="Times New Roman" panose="02020603050405020304" pitchFamily="18" charset="0"/>
              </a:rPr>
              <a:t>NS-ISO 6891:1991 Timber structures – Joints made with mechanical fasteners </a:t>
            </a:r>
            <a:endParaRPr lang="en-GB" noProof="0" dirty="0"/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F39792AE-70B7-A587-33E8-6DB928D3C1D1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236" r="8236"/>
          <a:stretch/>
        </p:blipFill>
        <p:spPr>
          <a:noFill/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7787D972-331F-9031-A576-6E7EE90302F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8199" y="3195484"/>
            <a:ext cx="3302863" cy="2596700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48BE50E4-BB77-59B4-64F2-3A329C938B1D}"/>
              </a:ext>
            </a:extLst>
          </p:cNvPr>
          <p:cNvSpPr txBox="1"/>
          <p:nvPr/>
        </p:nvSpPr>
        <p:spPr>
          <a:xfrm>
            <a:off x="838198" y="5753311"/>
            <a:ext cx="5498621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 sz="1200" i="1" noProof="0" dirty="0" err="1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Trekonstruksjoner</a:t>
            </a:r>
            <a:r>
              <a:rPr lang="en-GB" sz="1200" i="1" noProof="0" dirty="0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 </a:t>
            </a:r>
            <a:r>
              <a:rPr lang="en-GB" sz="1200" i="1" noProof="0" dirty="0" err="1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Mekaniske</a:t>
            </a:r>
            <a:r>
              <a:rPr lang="en-GB" sz="1200" i="1" noProof="0" dirty="0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 </a:t>
            </a:r>
            <a:r>
              <a:rPr lang="en-GB" sz="1200" i="1" noProof="0" dirty="0" err="1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forbindelsesmidler</a:t>
            </a:r>
            <a:r>
              <a:rPr lang="en-GB" sz="1200" i="1" noProof="0" dirty="0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 </a:t>
            </a:r>
          </a:p>
          <a:p>
            <a:r>
              <a:rPr lang="en-GB" sz="1200" i="1" noProof="0" dirty="0" err="1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Generelle</a:t>
            </a:r>
            <a:r>
              <a:rPr lang="en-GB" sz="1200" i="1" noProof="0" dirty="0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 </a:t>
            </a:r>
            <a:r>
              <a:rPr lang="en-GB" sz="1200" i="1" noProof="0" dirty="0" err="1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prinsipper</a:t>
            </a:r>
            <a:r>
              <a:rPr lang="en-GB" sz="1200" i="1" noProof="0" dirty="0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 for </a:t>
            </a:r>
            <a:r>
              <a:rPr lang="en-GB" sz="1200" i="1" noProof="0" dirty="0" err="1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bestemmelse</a:t>
            </a:r>
            <a:r>
              <a:rPr lang="en-GB" sz="1200" i="1" noProof="0" dirty="0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 </a:t>
            </a:r>
            <a:r>
              <a:rPr lang="en-GB" sz="1200" i="1" noProof="0" dirty="0" err="1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av</a:t>
            </a:r>
            <a:r>
              <a:rPr lang="en-GB" sz="1200" i="1" noProof="0" dirty="0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 </a:t>
            </a:r>
            <a:r>
              <a:rPr lang="en-GB" sz="1200" i="1" noProof="0" dirty="0" err="1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styrke</a:t>
            </a:r>
            <a:r>
              <a:rPr lang="en-GB" sz="1200" i="1" noProof="0" dirty="0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 </a:t>
            </a:r>
            <a:r>
              <a:rPr lang="en-GB" sz="1200" i="1" noProof="0" dirty="0" err="1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og</a:t>
            </a:r>
            <a:r>
              <a:rPr lang="en-GB" sz="1200" i="1" noProof="0" dirty="0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 </a:t>
            </a:r>
          </a:p>
          <a:p>
            <a:r>
              <a:rPr lang="en-GB" sz="1200" i="1" noProof="0" dirty="0" err="1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deformasjonsegenskaper</a:t>
            </a:r>
            <a:r>
              <a:rPr lang="en-GB" sz="1200" i="1" noProof="0" dirty="0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 (= EN 26891:1991) (ISO 6891:1983),</a:t>
            </a:r>
            <a:r>
              <a:rPr lang="en-GB" sz="1200" noProof="0" dirty="0">
                <a:solidFill>
                  <a:srgbClr val="000000"/>
                </a:solidFill>
                <a:effectLst/>
                <a:ea typeface="Times New Roman" panose="02020603050405020304" pitchFamily="18" charset="0"/>
              </a:rPr>
              <a:t> NS-ISO 6891:1991</a:t>
            </a:r>
            <a:endParaRPr lang="en-GB" sz="1200" noProof="0" dirty="0"/>
          </a:p>
        </p:txBody>
      </p:sp>
    </p:spTree>
    <p:extLst>
      <p:ext uri="{BB962C8B-B14F-4D97-AF65-F5344CB8AC3E}">
        <p14:creationId xmlns:p14="http://schemas.microsoft.com/office/powerpoint/2010/main" val="226771673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Content Placeholder 3">
            <a:extLst>
              <a:ext uri="{FF2B5EF4-FFF2-40B4-BE49-F238E27FC236}">
                <a16:creationId xmlns:a16="http://schemas.microsoft.com/office/drawing/2014/main" id="{265608E1-5ECE-664A-C263-4CC99B171303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2225341458"/>
              </p:ext>
            </p:extLst>
          </p:nvPr>
        </p:nvGraphicFramePr>
        <p:xfrm>
          <a:off x="838200" y="1439863"/>
          <a:ext cx="10515600" cy="5191760"/>
        </p:xfrm>
        <a:graphic>
          <a:graphicData uri="http://schemas.openxmlformats.org/drawingml/2006/table">
            <a:tbl>
              <a:tblPr firstRow="1" bandRow="1">
                <a:tableStyleId>{793D81CF-94F2-401A-BA57-92F5A7B2D0C5}</a:tableStyleId>
              </a:tblPr>
              <a:tblGrid>
                <a:gridCol w="1168400">
                  <a:extLst>
                    <a:ext uri="{9D8B030D-6E8A-4147-A177-3AD203B41FA5}">
                      <a16:colId xmlns:a16="http://schemas.microsoft.com/office/drawing/2014/main" val="2417370517"/>
                    </a:ext>
                  </a:extLst>
                </a:gridCol>
                <a:gridCol w="1168400">
                  <a:extLst>
                    <a:ext uri="{9D8B030D-6E8A-4147-A177-3AD203B41FA5}">
                      <a16:colId xmlns:a16="http://schemas.microsoft.com/office/drawing/2014/main" val="1036958043"/>
                    </a:ext>
                  </a:extLst>
                </a:gridCol>
                <a:gridCol w="1168400">
                  <a:extLst>
                    <a:ext uri="{9D8B030D-6E8A-4147-A177-3AD203B41FA5}">
                      <a16:colId xmlns:a16="http://schemas.microsoft.com/office/drawing/2014/main" val="862942109"/>
                    </a:ext>
                  </a:extLst>
                </a:gridCol>
                <a:gridCol w="1168400">
                  <a:extLst>
                    <a:ext uri="{9D8B030D-6E8A-4147-A177-3AD203B41FA5}">
                      <a16:colId xmlns:a16="http://schemas.microsoft.com/office/drawing/2014/main" val="3244119216"/>
                    </a:ext>
                  </a:extLst>
                </a:gridCol>
                <a:gridCol w="1168400">
                  <a:extLst>
                    <a:ext uri="{9D8B030D-6E8A-4147-A177-3AD203B41FA5}">
                      <a16:colId xmlns:a16="http://schemas.microsoft.com/office/drawing/2014/main" val="4180975113"/>
                    </a:ext>
                  </a:extLst>
                </a:gridCol>
                <a:gridCol w="1168400">
                  <a:extLst>
                    <a:ext uri="{9D8B030D-6E8A-4147-A177-3AD203B41FA5}">
                      <a16:colId xmlns:a16="http://schemas.microsoft.com/office/drawing/2014/main" val="1409605131"/>
                    </a:ext>
                  </a:extLst>
                </a:gridCol>
                <a:gridCol w="1168400">
                  <a:extLst>
                    <a:ext uri="{9D8B030D-6E8A-4147-A177-3AD203B41FA5}">
                      <a16:colId xmlns:a16="http://schemas.microsoft.com/office/drawing/2014/main" val="3806404078"/>
                    </a:ext>
                  </a:extLst>
                </a:gridCol>
                <a:gridCol w="1168400">
                  <a:extLst>
                    <a:ext uri="{9D8B030D-6E8A-4147-A177-3AD203B41FA5}">
                      <a16:colId xmlns:a16="http://schemas.microsoft.com/office/drawing/2014/main" val="3429311633"/>
                    </a:ext>
                  </a:extLst>
                </a:gridCol>
                <a:gridCol w="1168400">
                  <a:extLst>
                    <a:ext uri="{9D8B030D-6E8A-4147-A177-3AD203B41FA5}">
                      <a16:colId xmlns:a16="http://schemas.microsoft.com/office/drawing/2014/main" val="1184782211"/>
                    </a:ext>
                  </a:extLst>
                </a:gridCol>
              </a:tblGrid>
              <a:tr h="370840">
                <a:tc rowSpan="2">
                  <a:txBody>
                    <a:bodyPr/>
                    <a:lstStyle/>
                    <a:p>
                      <a:r>
                        <a:rPr lang="en-US" dirty="0"/>
                        <a:t>SLAB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 gridSpan="4">
                  <a:txBody>
                    <a:bodyPr/>
                    <a:lstStyle/>
                    <a:p>
                      <a:r>
                        <a:rPr lang="en-US" dirty="0"/>
                        <a:t>LOAD CAPACITY (</a:t>
                      </a:r>
                      <a:r>
                        <a:rPr lang="en-US" dirty="0" err="1"/>
                        <a:t>kN</a:t>
                      </a:r>
                      <a:r>
                        <a:rPr lang="en-US" dirty="0"/>
                        <a:t>)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gridSpan="4">
                  <a:txBody>
                    <a:bodyPr/>
                    <a:lstStyle/>
                    <a:p>
                      <a:r>
                        <a:rPr lang="en-US" dirty="0"/>
                        <a:t>MAXIMUM DISPLACEMENT (mm)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75616973"/>
                  </a:ext>
                </a:extLst>
              </a:tr>
              <a:tr h="370840">
                <a:tc vMerge="1">
                  <a:txBody>
                    <a:bodyPr/>
                    <a:lstStyle/>
                    <a:p>
                      <a:endParaRPr lang="nb-NO" dirty="0"/>
                    </a:p>
                  </a:txBody>
                  <a:tcPr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1</a:t>
                      </a:r>
                      <a:r>
                        <a:rPr lang="en-US" baseline="30000" dirty="0"/>
                        <a:t>ST</a:t>
                      </a:r>
                      <a:r>
                        <a:rPr lang="en-US" dirty="0"/>
                        <a:t> DROP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</a:t>
                      </a:r>
                      <a:r>
                        <a:rPr lang="en-US" baseline="30000" dirty="0"/>
                        <a:t>ND</a:t>
                      </a:r>
                      <a:r>
                        <a:rPr lang="en-US" dirty="0"/>
                        <a:t> DROP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3</a:t>
                      </a:r>
                      <a:r>
                        <a:rPr lang="en-US" baseline="30000" dirty="0"/>
                        <a:t>RD</a:t>
                      </a:r>
                      <a:r>
                        <a:rPr lang="en-US" dirty="0"/>
                        <a:t> DROP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AX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1</a:t>
                      </a:r>
                      <a:r>
                        <a:rPr lang="en-US" baseline="30000" dirty="0"/>
                        <a:t>ST</a:t>
                      </a:r>
                      <a:r>
                        <a:rPr lang="en-US" dirty="0"/>
                        <a:t> DROP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</a:t>
                      </a:r>
                      <a:r>
                        <a:rPr lang="en-US" baseline="30000" dirty="0"/>
                        <a:t>ND</a:t>
                      </a:r>
                      <a:r>
                        <a:rPr lang="en-US" dirty="0"/>
                        <a:t> DROP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3</a:t>
                      </a:r>
                      <a:r>
                        <a:rPr lang="en-US" baseline="30000" dirty="0"/>
                        <a:t>RD</a:t>
                      </a:r>
                      <a:r>
                        <a:rPr lang="en-US" dirty="0"/>
                        <a:t> DROP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MAX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9337570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1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07.16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26.60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6.16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5.03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6868575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2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28.30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38.25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10.85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29.75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7.67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8.99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0.65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8.80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8093279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3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24.25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33.62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45.96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6.86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8.07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6.01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83483450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4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20.73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24.37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07.96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6.99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8.24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6.15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0203120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5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14.69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71.63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8.59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5.86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0538062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A6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30.17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48.41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88.12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8.80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1.70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4.28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7473454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1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72.40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91.88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04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6.91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874068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82.29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44.19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58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3.03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1129675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3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85.96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91.43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73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2.61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89676727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4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96.49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81.12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6.59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3.20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0173582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5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86.88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11.78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4.76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2.69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60890944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B6</a:t>
                      </a:r>
                      <a:endParaRPr lang="nb-NO" dirty="0"/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104.08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39.94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5.43</a:t>
                      </a:r>
                      <a:endParaRPr lang="nb-NO" dirty="0"/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-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23.20</a:t>
                      </a:r>
                      <a:endParaRPr lang="nb-NO" dirty="0"/>
                    </a:p>
                  </a:txBody>
                  <a:tcPr anchor="ctr">
                    <a:lnL>
                      <a:noFill/>
                    </a:lnL>
                    <a:lnR w="12700" cmpd="sng">
                      <a:noFill/>
                    </a:lnR>
                    <a:lnT w="12700" cmpd="sng">
                      <a:noFill/>
                    </a:lnT>
                    <a:lnB w="12700" cmpd="sng">
                      <a:noFill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tx2">
                        <a:lumMod val="20000"/>
                        <a:lumOff val="80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88919487"/>
                  </a:ext>
                </a:extLst>
              </a:tr>
            </a:tbl>
          </a:graphicData>
        </a:graphic>
      </p:graphicFrame>
      <p:sp>
        <p:nvSpPr>
          <p:cNvPr id="3" name="Title 2">
            <a:extLst>
              <a:ext uri="{FF2B5EF4-FFF2-40B4-BE49-F238E27FC236}">
                <a16:creationId xmlns:a16="http://schemas.microsoft.com/office/drawing/2014/main" id="{63276415-4DD1-AC6D-FE89-5364D2D408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3200" noProof="0" dirty="0"/>
              <a:t>5. Laboratory testing (con.) </a:t>
            </a:r>
            <a:br>
              <a:rPr lang="en-GB" sz="3200" noProof="0" dirty="0"/>
            </a:br>
            <a:r>
              <a:rPr lang="en-GB" sz="3200" noProof="0" dirty="0"/>
              <a:t>- Test result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613929334"/>
      </p:ext>
    </p:extLst>
  </p:cSld>
  <p:clrMapOvr>
    <a:masterClrMapping/>
  </p:clrMapOvr>
</p:sld>
</file>

<file path=ppt/theme/theme1.xml><?xml version="1.0" encoding="utf-8"?>
<a:theme xmlns:a="http://schemas.openxmlformats.org/drawingml/2006/main" name="Multiconsult – mørkt tema">
  <a:themeElements>
    <a:clrScheme name="Multiconsult_PPT">
      <a:dk1>
        <a:srgbClr val="272E34"/>
      </a:dk1>
      <a:lt1>
        <a:srgbClr val="E8E3E2"/>
      </a:lt1>
      <a:dk2>
        <a:srgbClr val="EA8C27"/>
      </a:dk2>
      <a:lt2>
        <a:srgbClr val="FFFFFF"/>
      </a:lt2>
      <a:accent1>
        <a:srgbClr val="8EB1CA"/>
      </a:accent1>
      <a:accent2>
        <a:srgbClr val="385167"/>
      </a:accent2>
      <a:accent3>
        <a:srgbClr val="82B589"/>
      </a:accent3>
      <a:accent4>
        <a:srgbClr val="3E5E4E"/>
      </a:accent4>
      <a:accent5>
        <a:srgbClr val="B14F2F"/>
      </a:accent5>
      <a:accent6>
        <a:srgbClr val="602E2E"/>
      </a:accent6>
      <a:hlink>
        <a:srgbClr val="E98B27"/>
      </a:hlink>
      <a:folHlink>
        <a:srgbClr val="BE6910"/>
      </a:folHlink>
    </a:clrScheme>
    <a:fontScheme name="Custom 10">
      <a:majorFont>
        <a:latin typeface="Aptos"/>
        <a:ea typeface=""/>
        <a:cs typeface=""/>
      </a:majorFont>
      <a:minorFont>
        <a:latin typeface="Apto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Multiconsult-mal" id="{8FB3E29E-A622-FE41-ADBF-2C0277854B79}" vid="{FE27B2F2-5236-0142-896F-74F2972E6CC0}"/>
    </a:ext>
  </a:extLst>
</a:theme>
</file>

<file path=ppt/theme/theme2.xml><?xml version="1.0" encoding="utf-8"?>
<a:theme xmlns:a="http://schemas.openxmlformats.org/drawingml/2006/main" name="Multiconsult – lyst tema">
  <a:themeElements>
    <a:clrScheme name="Multiconsult_PPT">
      <a:dk1>
        <a:srgbClr val="272E34"/>
      </a:dk1>
      <a:lt1>
        <a:srgbClr val="E8E3E2"/>
      </a:lt1>
      <a:dk2>
        <a:srgbClr val="EA8C27"/>
      </a:dk2>
      <a:lt2>
        <a:srgbClr val="FFFFFF"/>
      </a:lt2>
      <a:accent1>
        <a:srgbClr val="8EB1CA"/>
      </a:accent1>
      <a:accent2>
        <a:srgbClr val="385167"/>
      </a:accent2>
      <a:accent3>
        <a:srgbClr val="82B589"/>
      </a:accent3>
      <a:accent4>
        <a:srgbClr val="3E5E4E"/>
      </a:accent4>
      <a:accent5>
        <a:srgbClr val="B14F2F"/>
      </a:accent5>
      <a:accent6>
        <a:srgbClr val="602E2E"/>
      </a:accent6>
      <a:hlink>
        <a:srgbClr val="E98B27"/>
      </a:hlink>
      <a:folHlink>
        <a:srgbClr val="BE6910"/>
      </a:folHlink>
    </a:clrScheme>
    <a:fontScheme name="Custom 10">
      <a:majorFont>
        <a:latin typeface="Aptos"/>
        <a:ea typeface=""/>
        <a:cs typeface=""/>
      </a:majorFont>
      <a:minorFont>
        <a:latin typeface="Apto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Multiconsult-mal" id="{8FB3E29E-A622-FE41-ADBF-2C0277854B79}" vid="{FE27B2F2-5236-0142-896F-74F2972E6CC0}"/>
    </a:ext>
  </a:extLst>
</a:theme>
</file>

<file path=ppt/theme/theme3.xml><?xml version="1.0" encoding="utf-8"?>
<a:theme xmlns:a="http://schemas.openxmlformats.org/drawingml/2006/main" name="Office-tema 2013 – 2022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 2013 - 2022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96FD172F9EBD4419341C5A7EF4ACFF1" ma:contentTypeVersion="13" ma:contentTypeDescription="Opprett et nytt dokument." ma:contentTypeScope="" ma:versionID="77a6ebb64f55a15531fdeb0077ae4afb">
  <xsd:schema xmlns:xsd="http://www.w3.org/2001/XMLSchema" xmlns:xs="http://www.w3.org/2001/XMLSchema" xmlns:p="http://schemas.microsoft.com/office/2006/metadata/properties" xmlns:ns2="b2a86460-399c-4f26-97f0-37939d4a7b6c" xmlns:ns3="afdfb257-4059-4108-aba9-9c1d05b1ef0a" targetNamespace="http://schemas.microsoft.com/office/2006/metadata/properties" ma:root="true" ma:fieldsID="2c07812e135ccce055b93f3cb461c8cc" ns2:_="" ns3:_="">
    <xsd:import namespace="b2a86460-399c-4f26-97f0-37939d4a7b6c"/>
    <xsd:import namespace="afdfb257-4059-4108-aba9-9c1d05b1ef0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ServiceObjectDetectorVersions" minOccurs="0"/>
                <xsd:element ref="ns2:MediaLengthInSecond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2a86460-399c-4f26-97f0-37939d4a7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1" nillable="true" ma:taxonomy="true" ma:internalName="lcf76f155ced4ddcb4097134ff3c332f" ma:taxonomyFieldName="MediaServiceImageTags" ma:displayName="Bildemerkelapper" ma:readOnly="false" ma:fieldId="{5cf76f15-5ced-4ddc-b409-7134ff3c332f}" ma:taxonomyMulti="true" ma:sspId="39ba4827-82dc-4dad-bfeb-fe2f87716d67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3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dexed="true" ma:internalName="MediaServiceLocation" ma:readOnly="true">
      <xsd:simpleType>
        <xsd:restriction base="dms:Text"/>
      </xsd:simpleType>
    </xsd:element>
    <xsd:element name="MediaServiceObjectDetectorVersions" ma:index="18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0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dfb257-4059-4108-aba9-9c1d05b1ef0a" elementFormDefault="qualified">
    <xsd:import namespace="http://schemas.microsoft.com/office/2006/documentManagement/types"/>
    <xsd:import namespace="http://schemas.microsoft.com/office/infopath/2007/PartnerControls"/>
    <xsd:element name="TaxCatchAll" ma:index="12" nillable="true" ma:displayName="Taxonomy Catch All Column" ma:hidden="true" ma:list="{5ada7435-7cd3-46b9-8eb5-2e5beb18c5f7}" ma:internalName="TaxCatchAll" ma:showField="CatchAllData" ma:web="afdfb257-4059-4108-aba9-9c1d05b1ef0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2a86460-399c-4f26-97f0-37939d4a7b6c">
      <Terms xmlns="http://schemas.microsoft.com/office/infopath/2007/PartnerControls"/>
    </lcf76f155ced4ddcb4097134ff3c332f>
    <TaxCatchAll xmlns="afdfb257-4059-4108-aba9-9c1d05b1ef0a" xsi:nil="true"/>
  </documentManagement>
</p:properties>
</file>

<file path=customXml/item3.xml><?xml version="1.0" encoding="utf-8"?>
<TemplafyTemplateConfiguration><![CDATA[{"elementsMetadata":[],"transformationConfigurations":[],"templateName":"Ny presentasjon (2024-07-04)","templateDescription":"","enableDocumentContentUpdater":fals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TemplateConfiguration><![CDATA[{"slideVersion":1,"isValidatorEnabled":false,"isLocked":false,"elementsMetadata":[],"slideId":"1167031846593101824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95031882640497049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ADB07B0-8F82-4806-A587-09B8ADF5BB1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2a86460-399c-4f26-97f0-37939d4a7b6c"/>
    <ds:schemaRef ds:uri="afdfb257-4059-4108-aba9-9c1d05b1ef0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15BABBF7-EB5F-4CFA-AD73-A616A4398425}">
  <ds:schemaRefs>
    <ds:schemaRef ds:uri="b2a86460-399c-4f26-97f0-37939d4a7b6c"/>
    <ds:schemaRef ds:uri="http://purl.org/dc/elements/1.1/"/>
    <ds:schemaRef ds:uri="http://schemas.microsoft.com/office/2006/documentManagement/types"/>
    <ds:schemaRef ds:uri="http://purl.org/dc/terms/"/>
    <ds:schemaRef ds:uri="afdfb257-4059-4108-aba9-9c1d05b1ef0a"/>
    <ds:schemaRef ds:uri="http://schemas.microsoft.com/office/infopath/2007/PartnerControls"/>
    <ds:schemaRef ds:uri="http://www.w3.org/XML/1998/namespace"/>
    <ds:schemaRef ds:uri="http://schemas.openxmlformats.org/package/2006/metadata/core-properties"/>
    <ds:schemaRef ds:uri="http://schemas.microsoft.com/office/2006/metadata/properties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63BAC284-E31D-4C9A-9683-EFB616BE32DF}">
  <ds:schemaRefs/>
</ds:datastoreItem>
</file>

<file path=customXml/itemProps4.xml><?xml version="1.0" encoding="utf-8"?>
<ds:datastoreItem xmlns:ds="http://schemas.openxmlformats.org/officeDocument/2006/customXml" ds:itemID="{C2225D99-66E2-4DDA-AC74-0938D2BD60B9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D5038756-52B6-416C-8B79-A496845E781B}">
  <ds:schemaRefs/>
</ds:datastoreItem>
</file>

<file path=customXml/itemProps6.xml><?xml version="1.0" encoding="utf-8"?>
<ds:datastoreItem xmlns:ds="http://schemas.openxmlformats.org/officeDocument/2006/customXml" ds:itemID="{1ACC9859-785C-4371-8A31-FCE96881D1C0}">
  <ds:schemaRefs/>
</ds:datastoreItem>
</file>

<file path=customXml/itemProps7.xml><?xml version="1.0" encoding="utf-8"?>
<ds:datastoreItem xmlns:ds="http://schemas.openxmlformats.org/officeDocument/2006/customXml" ds:itemID="{A883C800-5E66-425B-A2D3-2F9DB1C6D4E7}">
  <ds:schemaRefs/>
</ds:datastoreItem>
</file>

<file path=customXml/itemProps8.xml><?xml version="1.0" encoding="utf-8"?>
<ds:datastoreItem xmlns:ds="http://schemas.openxmlformats.org/officeDocument/2006/customXml" ds:itemID="{C4D47359-1E5B-4982-B4D6-4527E8D8AA2B}">
  <ds:schemaRefs/>
</ds:datastoreItem>
</file>

<file path=customXml/itemProps9.xml><?xml version="1.0" encoding="utf-8"?>
<ds:datastoreItem xmlns:ds="http://schemas.openxmlformats.org/officeDocument/2006/customXml" ds:itemID="{80371809-FAB6-403B-B501-683528626C9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5384</TotalTime>
  <Words>1091</Words>
  <Application>Microsoft Office PowerPoint</Application>
  <PresentationFormat>Widescreen</PresentationFormat>
  <Paragraphs>381</Paragraphs>
  <Slides>2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21</vt:i4>
      </vt:variant>
    </vt:vector>
  </HeadingPairs>
  <TitlesOfParts>
    <vt:vector size="28" baseType="lpstr">
      <vt:lpstr>Aptos</vt:lpstr>
      <vt:lpstr>Arial</vt:lpstr>
      <vt:lpstr>Calibri</vt:lpstr>
      <vt:lpstr>Cambria Math</vt:lpstr>
      <vt:lpstr>Times New Roman</vt:lpstr>
      <vt:lpstr>Multiconsult – mørkt tema</vt:lpstr>
      <vt:lpstr>Multiconsult – lyst tema</vt:lpstr>
      <vt:lpstr>PowerPoint Presentation</vt:lpstr>
      <vt:lpstr>Structural Performance and Load-Carrying Capacity of Cross Laminated Timber-Concrete Composite Slabs: Influence of Shear Fasteners</vt:lpstr>
      <vt:lpstr>Outline </vt:lpstr>
      <vt:lpstr>1. Background</vt:lpstr>
      <vt:lpstr>2. Research/Knowledge gaps </vt:lpstr>
      <vt:lpstr>3. Objectives </vt:lpstr>
      <vt:lpstr>4. Materials and test sample preparation</vt:lpstr>
      <vt:lpstr>5. Laboratory testing</vt:lpstr>
      <vt:lpstr>5. Laboratory testing (con.)  - Test result</vt:lpstr>
      <vt:lpstr>5. Laboratory testing (con.) </vt:lpstr>
      <vt:lpstr>6. Theoretical prediction of load capacity and displacement</vt:lpstr>
      <vt:lpstr>6. Theoretical prediction of load capacity and displacement (con.)</vt:lpstr>
      <vt:lpstr>6. Theoretical prediction of load capacity and displacement (con.)</vt:lpstr>
      <vt:lpstr>6. Theoretical prediction of load capacity and displacement (con.)</vt:lpstr>
      <vt:lpstr>7. Discussion and comparison of the result</vt:lpstr>
      <vt:lpstr>7. Discussion and comparison of the result (con.) - Observed failure scenarios </vt:lpstr>
      <vt:lpstr>7. Discussion and comparison of the result (con.) - Limitations of provided material</vt:lpstr>
      <vt:lpstr>7. Discussion and comparison of the result (con.) - comparison of theoretical predictions and experimental result</vt:lpstr>
      <vt:lpstr>7. Discussion and comparison of the result (con.) - comparison of theoretical predictions and experimental result</vt:lpstr>
      <vt:lpstr>8. Conclusion </vt:lpstr>
      <vt:lpstr>Acknowledgements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struksjoner for bruk av mal</dc:title>
  <dc:creator>Tone Trollsås</dc:creator>
  <cp:lastModifiedBy>Bergfjord, Maria</cp:lastModifiedBy>
  <cp:revision>4</cp:revision>
  <dcterms:created xsi:type="dcterms:W3CDTF">2025-01-20T14:07:04Z</dcterms:created>
  <dcterms:modified xsi:type="dcterms:W3CDTF">2025-06-12T06:12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459BDA1B45E27A4398545BC50510F08F</vt:lpwstr>
  </property>
  <property fmtid="{D5CDD505-2E9C-101B-9397-08002B2CF9AE}" pid="3" name="MediaServiceImageTags">
    <vt:lpwstr/>
  </property>
  <property fmtid="{D5CDD505-2E9C-101B-9397-08002B2CF9AE}" pid="4" name="TemplafyTimeStamp">
    <vt:lpwstr>2024-07-04T11:01:12</vt:lpwstr>
  </property>
  <property fmtid="{D5CDD505-2E9C-101B-9397-08002B2CF9AE}" pid="5" name="TemplafyTenantId">
    <vt:lpwstr>multiconsult</vt:lpwstr>
  </property>
  <property fmtid="{D5CDD505-2E9C-101B-9397-08002B2CF9AE}" pid="6" name="TemplafyTemplateId">
    <vt:lpwstr>950318817714635427</vt:lpwstr>
  </property>
  <property fmtid="{D5CDD505-2E9C-101B-9397-08002B2CF9AE}" pid="7" name="TemplafyUserProfileId">
    <vt:lpwstr>637805071965700714</vt:lpwstr>
  </property>
  <property fmtid="{D5CDD505-2E9C-101B-9397-08002B2CF9AE}" pid="8" name="TemplafyLanguageCode">
    <vt:lpwstr>nb-NO</vt:lpwstr>
  </property>
  <property fmtid="{D5CDD505-2E9C-101B-9397-08002B2CF9AE}" pid="9" name="TemplafyFromBlank">
    <vt:bool>true</vt:bool>
  </property>
</Properties>
</file>